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diagrams/data12.xml" ContentType="application/vnd.openxmlformats-officedocument.drawingml.diagramData+xml"/>
  <Override PartName="/ppt/diagrams/layout12.xml" ContentType="application/vnd.openxmlformats-officedocument.drawingml.diagramLayout+xml"/>
  <Override PartName="/ppt/diagrams/quickStyle12.xml" ContentType="application/vnd.openxmlformats-officedocument.drawingml.diagramStyle+xml"/>
  <Override PartName="/ppt/diagrams/colors12.xml" ContentType="application/vnd.openxmlformats-officedocument.drawingml.diagramColors+xml"/>
  <Override PartName="/ppt/diagrams/drawing12.xml" ContentType="application/vnd.ms-office.drawingml.diagramDrawing+xml"/>
  <Override PartName="/ppt/notesSlides/notesSlide1.xml" ContentType="application/vnd.openxmlformats-officedocument.presentationml.notesSlide+xml"/>
  <Override PartName="/ppt/diagrams/data13.xml" ContentType="application/vnd.openxmlformats-officedocument.drawingml.diagramData+xml"/>
  <Override PartName="/ppt/diagrams/layout13.xml" ContentType="application/vnd.openxmlformats-officedocument.drawingml.diagramLayout+xml"/>
  <Override PartName="/ppt/diagrams/quickStyle13.xml" ContentType="application/vnd.openxmlformats-officedocument.drawingml.diagramStyle+xml"/>
  <Override PartName="/ppt/diagrams/colors13.xml" ContentType="application/vnd.openxmlformats-officedocument.drawingml.diagramColors+xml"/>
  <Override PartName="/ppt/diagrams/drawing13.xml" ContentType="application/vnd.ms-office.drawingml.diagramDrawing+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autoCompressPictures="0">
  <p:sldMasterIdLst>
    <p:sldMasterId id="2147483648" r:id="rId1"/>
  </p:sldMasterIdLst>
  <p:notesMasterIdLst>
    <p:notesMasterId r:id="rId18"/>
  </p:notesMasterIdLst>
  <p:sldIdLst>
    <p:sldId id="271" r:id="rId2"/>
    <p:sldId id="259" r:id="rId3"/>
    <p:sldId id="273" r:id="rId4"/>
    <p:sldId id="262" r:id="rId5"/>
    <p:sldId id="260" r:id="rId6"/>
    <p:sldId id="263" r:id="rId7"/>
    <p:sldId id="264" r:id="rId8"/>
    <p:sldId id="265" r:id="rId9"/>
    <p:sldId id="266" r:id="rId10"/>
    <p:sldId id="267" r:id="rId11"/>
    <p:sldId id="269" r:id="rId12"/>
    <p:sldId id="268" r:id="rId13"/>
    <p:sldId id="275" r:id="rId14"/>
    <p:sldId id="274" r:id="rId15"/>
    <p:sldId id="276" r:id="rId16"/>
    <p:sldId id="272" r:id="rId17"/>
  </p:sldIdLst>
  <p:sldSz cx="12192000" cy="6858000"/>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MasterView">
  <p:normalViewPr horzBarState="maximized">
    <p:restoredLeft sz="15000" autoAdjust="0"/>
    <p:restoredTop sz="94660"/>
  </p:normalViewPr>
  <p:slideViewPr>
    <p:cSldViewPr snapToGrid="0" showGuides="1">
      <p:cViewPr varScale="1">
        <p:scale>
          <a:sx n="84" d="100"/>
          <a:sy n="84" d="100"/>
        </p:scale>
        <p:origin x="90" y="240"/>
      </p:cViewPr>
      <p:guideLst>
        <p:guide orient="horz" pos="2160"/>
        <p:guide pos="3840"/>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notesMaster" Target="notesMasters/notesMaster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23"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3.xml><?xml version="1.0" encoding="utf-8"?>
<dgm:colorsDef xmlns:dgm="http://schemas.openxmlformats.org/drawingml/2006/diagram" xmlns:a="http://schemas.openxmlformats.org/drawingml/2006/main" uniqueId="urn:microsoft.com/office/officeart/2005/8/colors/accent6_1">
  <dgm:title val=""/>
  <dgm:desc val=""/>
  <dgm:catLst>
    <dgm:cat type="accent6" pri="11100"/>
  </dgm:catLst>
  <dgm:styleLbl name="node0">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6">
        <a:shade val="80000"/>
      </a:schemeClr>
    </dgm:linClrLst>
    <dgm:effectClrLst/>
    <dgm:txLinClrLst/>
    <dgm:txFillClrLst/>
    <dgm:txEffectClrLst/>
  </dgm:styleLbl>
  <dgm:styleLbl name="node2">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fg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align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bgImgPlace1">
    <dgm:fillClrLst meth="repeat">
      <a:schemeClr val="accent6">
        <a:tint val="40000"/>
      </a:schemeClr>
    </dgm:fillClrLst>
    <dgm:linClrLst meth="repeat">
      <a:schemeClr val="accent6">
        <a:shade val="80000"/>
      </a:schemeClr>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meth="repeat">
      <a:schemeClr val="dk1"/>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dgm:linClrLst>
    <dgm:effectClrLst/>
    <dgm:txLinClrLst/>
    <dgm:txFillClrLst meth="repeat">
      <a:schemeClr val="tx1"/>
    </dgm:txFillClrLst>
    <dgm:txEffectClrLst/>
  </dgm:styleLbl>
  <dgm:styleLbl name="asst0">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6">
        <a:shade val="80000"/>
      </a:schemeClr>
    </dgm:linClrLst>
    <dgm:effectClrLst/>
    <dgm:txLinClrLst/>
    <dgm:txFillClrLst meth="repeat">
      <a:schemeClr val="dk1"/>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dgm:txEffectClrLst/>
  </dgm:styleLbl>
  <dgm:styleLbl name="parChTrans2D2">
    <dgm:fillClrLst meth="repeat">
      <a:schemeClr val="accent6"/>
    </dgm:fillClrLst>
    <dgm:linClrLst meth="repeat">
      <a:schemeClr val="accent6"/>
    </dgm:linClrLst>
    <dgm:effectClrLst/>
    <dgm:txLinClrLst/>
    <dgm:txFillClrLst/>
    <dgm:txEffectClrLst/>
  </dgm:styleLbl>
  <dgm:styleLbl name="parChTrans2D3">
    <dgm:fillClrLst meth="repeat">
      <a:schemeClr val="accent6"/>
    </dgm:fillClrLst>
    <dgm:linClrLst meth="repeat">
      <a:schemeClr val="accent6"/>
    </dgm:linClrLst>
    <dgm:effectClrLst/>
    <dgm:txLinClrLst/>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conF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align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trAlignAcc1">
    <dgm:fillClrLst meth="repeat">
      <a:schemeClr val="accent6">
        <a:alpha val="40000"/>
        <a:tint val="40000"/>
      </a:schemeClr>
    </dgm:fillClrLst>
    <dgm:linClrLst meth="repeat">
      <a:schemeClr val="accent6"/>
    </dgm:linClrLst>
    <dgm:effectClrLst/>
    <dgm:txLinClrLst/>
    <dgm:txFillClrLst meth="repeat">
      <a:schemeClr val="dk1"/>
    </dgm:txFillClrLst>
    <dgm:txEffectClrLst/>
  </dgm:styleLbl>
  <dgm:styleLbl name="bgAcc1">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6">
        <a:alpha val="90000"/>
      </a:schemeClr>
    </dgm:linClrLst>
    <dgm:effectClrLst/>
    <dgm:txLinClrLst/>
    <dgm:txFillClrLst meth="repeat">
      <a:schemeClr val="dk1"/>
    </dgm:txFillClrLst>
    <dgm:txEffectClrLst/>
  </dgm:styleLbl>
  <dgm:styleLbl name="fgAcc0">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2">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3">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fgAcc4">
    <dgm:fillClrLst meth="repeat">
      <a:schemeClr val="accent6">
        <a:alpha val="90000"/>
        <a:tint val="4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2">
  <dgm:title val=""/>
  <dgm:desc val=""/>
  <dgm:catLst>
    <dgm:cat type="colorful" pri="10200"/>
  </dgm:catLst>
  <dgm:styleLbl name="node0">
    <dgm:fillClrLst meth="repeat">
      <a:schemeClr val="accent1"/>
    </dgm:fillClrLst>
    <dgm:linClrLst meth="repeat">
      <a:schemeClr val="lt1"/>
    </dgm:linClrLst>
    <dgm:effectClrLst/>
    <dgm:txLinClrLst/>
    <dgm:txFillClrLst/>
    <dgm:txEffectClrLst/>
  </dgm:styleLbl>
  <dgm:styleLbl name="node1">
    <dgm:fillClrLst>
      <a:schemeClr val="accent2"/>
      <a:schemeClr val="accent3"/>
    </dgm:fillClrLst>
    <dgm:linClrLst meth="repeat">
      <a:schemeClr val="lt1"/>
    </dgm:linClrLst>
    <dgm:effectClrLst/>
    <dgm:txLinClrLst/>
    <dgm:txFillClrLst/>
    <dgm:txEffectClrLst/>
  </dgm:styleLbl>
  <dgm:styleLbl name="alignNode1">
    <dgm:fillClrLst>
      <a:schemeClr val="accent2"/>
      <a:schemeClr val="accent3"/>
    </dgm:fillClrLst>
    <dgm:linClrLst>
      <a:schemeClr val="accent2"/>
      <a:schemeClr val="accent3"/>
    </dgm:linClrLst>
    <dgm:effectClrLst/>
    <dgm:txLinClrLst/>
    <dgm:txFillClrLst/>
    <dgm:txEffectClrLst/>
  </dgm:styleLbl>
  <dgm:styleLbl name="lnNode1">
    <dgm:fillClrLst>
      <a:schemeClr val="accent2"/>
      <a:schemeClr val="accent3"/>
    </dgm:fillClrLst>
    <dgm:linClrLst meth="repeat">
      <a:schemeClr val="lt1"/>
    </dgm:linClrLst>
    <dgm:effectClrLst/>
    <dgm:txLinClrLst/>
    <dgm:txFillClrLst/>
    <dgm:txEffectClrLst/>
  </dgm:styleLbl>
  <dgm:styleLbl name="vennNode1">
    <dgm:fillClrLst>
      <a:schemeClr val="accent2">
        <a:alpha val="50000"/>
      </a:schemeClr>
      <a:schemeClr val="accent3">
        <a:alpha val="50000"/>
      </a:schemeClr>
    </dgm:fillClrLst>
    <dgm:linClrLst meth="repeat">
      <a:schemeClr val="lt1"/>
    </dgm:linClrLst>
    <dgm:effectClrLst/>
    <dgm:txLinClrLst/>
    <dgm:txFillClrLst/>
    <dgm:txEffectClrLst/>
  </dgm:styleLbl>
  <dgm:styleLbl name="node2">
    <dgm:fillClrLst>
      <a:schemeClr val="accent3"/>
    </dgm:fillClrLst>
    <dgm:linClrLst meth="repeat">
      <a:schemeClr val="lt1"/>
    </dgm:linClrLst>
    <dgm:effectClrLst/>
    <dgm:txLinClrLst/>
    <dgm:txFillClrLst/>
    <dgm:txEffectClrLst/>
  </dgm:styleLbl>
  <dgm:styleLbl name="node3">
    <dgm:fillClrLst>
      <a:schemeClr val="accent4"/>
    </dgm:fillClrLst>
    <dgm:linClrLst meth="repeat">
      <a:schemeClr val="lt1"/>
    </dgm:linClrLst>
    <dgm:effectClrLst/>
    <dgm:txLinClrLst/>
    <dgm:txFillClrLst/>
    <dgm:txEffectClrLst/>
  </dgm:styleLbl>
  <dgm:styleLbl name="node4">
    <dgm:fillClrLst>
      <a:schemeClr val="accent5"/>
    </dgm:fillClrLst>
    <dgm:linClrLst meth="repeat">
      <a:schemeClr val="lt1"/>
    </dgm:linClrLst>
    <dgm:effectClrLst/>
    <dgm:txLinClrLst/>
    <dgm:txFillClrLst/>
    <dgm:txEffectClrLst/>
  </dgm:styleLbl>
  <dgm:styleLbl name="fgImgPlace1">
    <dgm:fillClrLst>
      <a:schemeClr val="accent2">
        <a:tint val="50000"/>
      </a:schemeClr>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2">
        <a:tint val="50000"/>
      </a:schemeClr>
      <a:schemeClr val="accent3">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2"/>
      <a:schemeClr val="accent3"/>
    </dgm:fillClrLst>
    <dgm:linClrLst meth="repeat">
      <a:schemeClr val="lt1"/>
    </dgm:linClrLst>
    <dgm:effectClrLst/>
    <dgm:txLinClrLst/>
    <dgm:txFillClrLst/>
    <dgm:txEffectClrLst/>
  </dgm:styleLbl>
  <dgm:styleLbl name="fgSibTrans2D1">
    <dgm:fillClrLst>
      <a:schemeClr val="accent2"/>
      <a:schemeClr val="accent3"/>
    </dgm:fillClrLst>
    <dgm:linClrLst meth="repeat">
      <a:schemeClr val="lt1"/>
    </dgm:linClrLst>
    <dgm:effectClrLst/>
    <dgm:txLinClrLst/>
    <dgm:txFillClrLst meth="repeat">
      <a:schemeClr val="lt1"/>
    </dgm:txFillClrLst>
    <dgm:txEffectClrLst/>
  </dgm:styleLbl>
  <dgm:styleLbl name="bgSibTrans2D1">
    <dgm:fillClrLst>
      <a:schemeClr val="accent2"/>
      <a:schemeClr val="accent3"/>
    </dgm:fillClrLst>
    <dgm:linClrLst meth="repeat">
      <a:schemeClr val="lt1"/>
    </dgm:linClrLst>
    <dgm:effectClrLst/>
    <dgm:txLinClrLst/>
    <dgm:txFillClrLst meth="repeat">
      <a:schemeClr val="lt1"/>
    </dgm:txFillClrLst>
    <dgm:txEffectClrLst/>
  </dgm:styleLbl>
  <dgm:styleLbl name="sibTrans1D1">
    <dgm:fillClrLst/>
    <dgm:linClrLst>
      <a:schemeClr val="accent2"/>
      <a:schemeClr val="accent3"/>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a:shade val="80000"/>
      </a:schemeClr>
    </dgm:linClrLst>
    <dgm:effectClrLst/>
    <dgm:txLinClrLst/>
    <dgm:txFillClrLst/>
    <dgm:txEffectClrLst/>
  </dgm:styleLbl>
  <dgm:styleLbl name="asst1">
    <dgm:fillClrLst meth="repeat">
      <a:schemeClr val="accent3"/>
    </dgm:fillClrLst>
    <dgm:linClrLst meth="repeat">
      <a:schemeClr val="lt1">
        <a:shade val="80000"/>
      </a:schemeClr>
    </dgm:linClrLst>
    <dgm:effectClrLst/>
    <dgm:txLinClrLst/>
    <dgm:txFillClrLst/>
    <dgm:txEffectClrLst/>
  </dgm:styleLbl>
  <dgm:styleLbl name="asst2">
    <dgm:fillClrLst>
      <a:schemeClr val="accent4"/>
    </dgm:fillClrLst>
    <dgm:linClrLst meth="repeat">
      <a:schemeClr val="lt1"/>
    </dgm:linClrLst>
    <dgm:effectClrLst/>
    <dgm:txLinClrLst/>
    <dgm:txFillClrLst/>
    <dgm:txEffectClrLst/>
  </dgm:styleLbl>
  <dgm:styleLbl name="asst3">
    <dgm:fillClrLst>
      <a:schemeClr val="accent5"/>
    </dgm:fillClrLst>
    <dgm:linClrLst meth="repeat">
      <a:schemeClr val="lt1"/>
    </dgm:linClrLst>
    <dgm:effectClrLst/>
    <dgm:txLinClrLst/>
    <dgm:txFillClrLst/>
    <dgm:txEffectClrLst/>
  </dgm:styleLbl>
  <dgm:styleLbl name="asst4">
    <dgm:fillClrLst>
      <a:schemeClr val="accent6"/>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2"/>
    </dgm:linClrLst>
    <dgm:effectClrLst/>
    <dgm:txLinClrLst/>
    <dgm:txFillClrLst meth="repeat">
      <a:schemeClr val="tx1"/>
    </dgm:txFillClrLst>
    <dgm:txEffectClrLst/>
  </dgm:styleLbl>
  <dgm:styleLbl name="parChTrans1D2">
    <dgm:fillClrLst meth="repeat">
      <a:schemeClr val="accent2">
        <a:tint val="90000"/>
      </a:schemeClr>
    </dgm:fillClrLst>
    <dgm:linClrLst meth="repeat">
      <a:schemeClr val="accent3"/>
    </dgm:linClrLst>
    <dgm:effectClrLst/>
    <dgm:txLinClrLst/>
    <dgm:txFillClrLst meth="repeat">
      <a:schemeClr val="tx1"/>
    </dgm:txFillClrLst>
    <dgm:txEffectClrLst/>
  </dgm:styleLbl>
  <dgm:styleLbl name="parChTrans1D3">
    <dgm:fillClrLst meth="repeat">
      <a:schemeClr val="accent2">
        <a:tint val="70000"/>
      </a:schemeClr>
    </dgm:fillClrLst>
    <dgm:linClrLst meth="repeat">
      <a:schemeClr val="accent4"/>
    </dgm:linClrLst>
    <dgm:effectClrLst/>
    <dgm:txLinClrLst/>
    <dgm:txFillClrLst meth="repeat">
      <a:schemeClr val="tx1"/>
    </dgm:txFillClrLst>
    <dgm:txEffectClrLst/>
  </dgm:styleLbl>
  <dgm:styleLbl name="parChTrans1D4">
    <dgm:fillClrLst meth="repeat">
      <a:schemeClr val="accent2">
        <a:tint val="50000"/>
      </a:schemeClr>
    </dgm:fillClrLst>
    <dgm:linClrLst meth="repeat">
      <a:schemeClr val="accent5"/>
    </dgm:linClrLst>
    <dgm:effectClrLst/>
    <dgm:txLinClrLst/>
    <dgm:txFillClrLst meth="repeat">
      <a:schemeClr val="tx1"/>
    </dgm:txFillClrLst>
    <dgm:txEffectClrLst/>
  </dgm:styleLbl>
  <dgm:styleLbl name="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a:schemeClr val="accent2"/>
      <a:schemeClr val="accent3"/>
    </dgm:linClrLst>
    <dgm:effectClrLst/>
    <dgm:txLinClrLst/>
    <dgm:txFillClrLst meth="repeat">
      <a:schemeClr val="dk1"/>
    </dgm:txFillClrLst>
    <dgm:txEffectClrLst/>
  </dgm:styleLbl>
  <dgm:styleLbl name="solidFgAcc1">
    <dgm:fillClrLst meth="repeat">
      <a:schemeClr val="lt1"/>
    </dgm:fillClrLst>
    <dgm:linClrLst>
      <a:schemeClr val="accent2"/>
      <a:schemeClr val="accent3"/>
    </dgm:linClrLst>
    <dgm:effectClrLst/>
    <dgm:txLinClrLst/>
    <dgm:txFillClrLst meth="repeat">
      <a:schemeClr val="dk1"/>
    </dgm:txFillClrLst>
    <dgm:txEffectClrLst/>
  </dgm:styleLbl>
  <dgm:styleLbl name="solidAlignAcc1">
    <dgm:fillClrLst meth="repeat">
      <a:schemeClr val="lt1"/>
    </dgm:fillClrLst>
    <dgm:linClrLst>
      <a:schemeClr val="accent2"/>
      <a:schemeClr val="accent3"/>
    </dgm:linClrLst>
    <dgm:effectClrLst/>
    <dgm:txLinClrLst/>
    <dgm:txFillClrLst meth="repeat">
      <a:schemeClr val="dk1"/>
    </dgm:txFillClrLst>
    <dgm:txEffectClrLst/>
  </dgm:styleLbl>
  <dgm:styleLbl name="solidBgAcc1">
    <dgm:fillClrLst meth="repeat">
      <a:schemeClr val="lt1"/>
    </dgm:fillClrLst>
    <dgm:linClrLst>
      <a:schemeClr val="accent2"/>
      <a:schemeClr val="accent3"/>
    </dgm:linClrLst>
    <dgm:effectClrLst/>
    <dgm:txLinClrLst/>
    <dgm:txFillClrLst meth="repeat">
      <a:schemeClr val="dk1"/>
    </dgm:txFillClrLst>
    <dgm:txEffectClrLst/>
  </dgm:styleLbl>
  <dgm:styleLbl name="f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align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bgAccFollowNode1">
    <dgm:fillClrLst>
      <a:schemeClr val="accent2">
        <a:tint val="40000"/>
        <a:alpha val="90000"/>
      </a:schemeClr>
      <a:schemeClr val="accent3">
        <a:tint val="40000"/>
        <a:alpha val="90000"/>
      </a:schemeClr>
    </dgm:fillClrLst>
    <dgm:linClrLst>
      <a:schemeClr val="accent2">
        <a:tint val="40000"/>
        <a:alpha val="90000"/>
      </a:schemeClr>
      <a:schemeClr val="accent3">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3"/>
    </dgm:linClrLst>
    <dgm:effectClrLst/>
    <dgm:txLinClrLst/>
    <dgm:txFillClrLst meth="repeat">
      <a:schemeClr val="dk1"/>
    </dgm:txFillClrLst>
    <dgm:txEffectClrLst/>
  </dgm:styleLbl>
  <dgm:styleLbl name="fgAcc3">
    <dgm:fillClrLst meth="repeat">
      <a:schemeClr val="lt1">
        <a:alpha val="90000"/>
      </a:schemeClr>
    </dgm:fillClrLst>
    <dgm:linClrLst>
      <a:schemeClr val="accent4"/>
    </dgm:linClrLst>
    <dgm:effectClrLst/>
    <dgm:txLinClrLst/>
    <dgm:txFillClrLst meth="repeat">
      <a:schemeClr val="dk1"/>
    </dgm:txFillClrLst>
    <dgm:txEffectClrLst/>
  </dgm:styleLbl>
  <dgm:styleLbl name="fgAcc4">
    <dgm:fillClrLst meth="repeat">
      <a:schemeClr val="lt1">
        <a:alpha val="90000"/>
      </a:schemeClr>
    </dgm:fillClrLst>
    <dgm:linClrLst>
      <a:schemeClr val="accent5"/>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567D971-7207-40DE-8CE4-A0A20534CBD0}" type="doc">
      <dgm:prSet loTypeId="urn:microsoft.com/office/officeart/2005/8/layout/orgChart1" loCatId="hierarchy" qsTypeId="urn:microsoft.com/office/officeart/2005/8/quickstyle/simple1" qsCatId="simple" csTypeId="urn:microsoft.com/office/officeart/2005/8/colors/accent1_2" csCatId="accent1" phldr="1"/>
      <dgm:spPr/>
      <dgm:t>
        <a:bodyPr/>
        <a:lstStyle/>
        <a:p>
          <a:endParaRPr lang="en-US"/>
        </a:p>
      </dgm:t>
    </dgm:pt>
    <dgm:pt modelId="{3AD524C8-6450-4EDB-A668-14276E2D1A94}">
      <dgm:prSet phldrT="[Text]" custT="1"/>
      <dgm:spPr/>
      <dgm:t>
        <a:bodyPr/>
        <a:lstStyle/>
        <a:p>
          <a:r>
            <a:rPr lang="en-US" sz="1600" b="1">
              <a:ln>
                <a:noFill/>
              </a:ln>
              <a:solidFill>
                <a:schemeClr val="bg1"/>
              </a:solidFill>
            </a:rPr>
            <a:t>Functional &amp; Useful M&amp;E System</a:t>
          </a:r>
          <a:endParaRPr lang="en-US" sz="1600">
            <a:ln>
              <a:noFill/>
            </a:ln>
            <a:solidFill>
              <a:schemeClr val="bg1"/>
            </a:solidFill>
          </a:endParaRPr>
        </a:p>
      </dgm:t>
    </dgm:pt>
    <dgm:pt modelId="{9FE45587-6D36-448F-BC1F-4500CBC0A054}" type="parTrans" cxnId="{3BAE5F3C-EF71-4562-AF71-EC9258A4356A}">
      <dgm:prSet/>
      <dgm:spPr/>
      <dgm:t>
        <a:bodyPr/>
        <a:lstStyle/>
        <a:p>
          <a:endParaRPr lang="en-US" sz="1000">
            <a:ln>
              <a:noFill/>
            </a:ln>
            <a:solidFill>
              <a:sysClr val="windowText" lastClr="000000"/>
            </a:solidFill>
          </a:endParaRPr>
        </a:p>
      </dgm:t>
    </dgm:pt>
    <dgm:pt modelId="{24F4F9FD-15D5-4E2F-B5DA-63B50B1F0DD1}" type="sibTrans" cxnId="{3BAE5F3C-EF71-4562-AF71-EC9258A4356A}">
      <dgm:prSet/>
      <dgm:spPr/>
      <dgm:t>
        <a:bodyPr/>
        <a:lstStyle/>
        <a:p>
          <a:endParaRPr lang="en-US" sz="1000">
            <a:ln>
              <a:noFill/>
            </a:ln>
            <a:solidFill>
              <a:sysClr val="windowText" lastClr="000000"/>
            </a:solidFill>
          </a:endParaRPr>
        </a:p>
      </dgm:t>
    </dgm:pt>
    <dgm:pt modelId="{A30E6A28-DBD8-435F-BF5E-F3B604A5F5A3}">
      <dgm:prSet phldrT="[Text]" custT="1"/>
      <dgm:spPr>
        <a:solidFill>
          <a:schemeClr val="accent2"/>
        </a:solidFill>
      </dgm:spPr>
      <dgm:t>
        <a:bodyPr/>
        <a:lstStyle/>
        <a:p>
          <a:r>
            <a:rPr lang="en-US" sz="1600">
              <a:ln>
                <a:noFill/>
              </a:ln>
              <a:solidFill>
                <a:sysClr val="windowText" lastClr="000000"/>
              </a:solidFill>
            </a:rPr>
            <a:t>1. Data Demand</a:t>
          </a:r>
        </a:p>
      </dgm:t>
    </dgm:pt>
    <dgm:pt modelId="{13EBBFC6-55A6-4FEF-BF00-2533489F5D0C}" type="parTrans" cxnId="{8BE806D8-309D-48B6-ACD8-C460F12FA534}">
      <dgm:prSet/>
      <dgm:spPr/>
      <dgm:t>
        <a:bodyPr/>
        <a:lstStyle/>
        <a:p>
          <a:endParaRPr lang="en-US" sz="1600">
            <a:ln>
              <a:noFill/>
            </a:ln>
            <a:solidFill>
              <a:sysClr val="windowText" lastClr="000000"/>
            </a:solidFill>
          </a:endParaRPr>
        </a:p>
      </dgm:t>
    </dgm:pt>
    <dgm:pt modelId="{15F5780F-C5A7-4B9F-A844-F79BC227DECD}" type="sibTrans" cxnId="{8BE806D8-309D-48B6-ACD8-C460F12FA534}">
      <dgm:prSet/>
      <dgm:spPr/>
      <dgm:t>
        <a:bodyPr/>
        <a:lstStyle/>
        <a:p>
          <a:endParaRPr lang="en-US" sz="1000">
            <a:ln>
              <a:noFill/>
            </a:ln>
            <a:solidFill>
              <a:sysClr val="windowText" lastClr="000000"/>
            </a:solidFill>
          </a:endParaRPr>
        </a:p>
      </dgm:t>
    </dgm:pt>
    <dgm:pt modelId="{3AC5D040-4812-4ACA-8119-6EF8FE93CC52}">
      <dgm:prSet phldrT="[Text]" custT="1"/>
      <dgm:spPr>
        <a:solidFill>
          <a:schemeClr val="accent3"/>
        </a:solidFill>
      </dgm:spPr>
      <dgm:t>
        <a:bodyPr/>
        <a:lstStyle/>
        <a:p>
          <a:r>
            <a:rPr lang="en-US" sz="1600">
              <a:ln>
                <a:noFill/>
              </a:ln>
              <a:solidFill>
                <a:sysClr val="windowText" lastClr="000000"/>
              </a:solidFill>
            </a:rPr>
            <a:t>M&amp;E Workplan</a:t>
          </a:r>
        </a:p>
      </dgm:t>
    </dgm:pt>
    <dgm:pt modelId="{DA61DE62-0777-4178-9599-E51F24B4D657}" type="parTrans" cxnId="{68F92BF7-8FF3-410D-A82B-5C9F95C862EB}">
      <dgm:prSet/>
      <dgm:spPr/>
      <dgm:t>
        <a:bodyPr/>
        <a:lstStyle/>
        <a:p>
          <a:endParaRPr lang="en-US" sz="1600">
            <a:ln>
              <a:noFill/>
            </a:ln>
            <a:solidFill>
              <a:sysClr val="windowText" lastClr="000000"/>
            </a:solidFill>
          </a:endParaRPr>
        </a:p>
      </dgm:t>
    </dgm:pt>
    <dgm:pt modelId="{1C3B3AC9-2F24-4166-A9BE-056927204977}" type="sibTrans" cxnId="{68F92BF7-8FF3-410D-A82B-5C9F95C862EB}">
      <dgm:prSet/>
      <dgm:spPr/>
      <dgm:t>
        <a:bodyPr/>
        <a:lstStyle/>
        <a:p>
          <a:endParaRPr lang="en-US" sz="1000">
            <a:ln>
              <a:noFill/>
            </a:ln>
            <a:solidFill>
              <a:sysClr val="windowText" lastClr="000000"/>
            </a:solidFill>
          </a:endParaRPr>
        </a:p>
      </dgm:t>
    </dgm:pt>
    <dgm:pt modelId="{3F8445D1-FDBC-4EE1-BE16-F36DD20CA1DF}">
      <dgm:prSet phldrT="[Text]" custT="1"/>
      <dgm:spPr>
        <a:solidFill>
          <a:schemeClr val="accent3"/>
        </a:solidFill>
      </dgm:spPr>
      <dgm:t>
        <a:bodyPr/>
        <a:lstStyle/>
        <a:p>
          <a:r>
            <a:rPr lang="en-US" sz="1600">
              <a:ln>
                <a:noFill/>
              </a:ln>
              <a:solidFill>
                <a:sysClr val="windowText" lastClr="000000"/>
              </a:solidFill>
            </a:rPr>
            <a:t>M&amp;E Budget</a:t>
          </a:r>
        </a:p>
      </dgm:t>
    </dgm:pt>
    <dgm:pt modelId="{D353629C-629A-43E7-8A45-39216B69B3D9}" type="parTrans" cxnId="{5C76EBB1-CCC1-44E4-B1BA-F39E0F9C758B}">
      <dgm:prSet/>
      <dgm:spPr/>
      <dgm:t>
        <a:bodyPr/>
        <a:lstStyle/>
        <a:p>
          <a:endParaRPr lang="en-US" sz="1600">
            <a:ln>
              <a:noFill/>
            </a:ln>
            <a:solidFill>
              <a:sysClr val="windowText" lastClr="000000"/>
            </a:solidFill>
          </a:endParaRPr>
        </a:p>
      </dgm:t>
    </dgm:pt>
    <dgm:pt modelId="{FADCB989-0E00-4599-8F46-8790A9639053}" type="sibTrans" cxnId="{5C76EBB1-CCC1-44E4-B1BA-F39E0F9C758B}">
      <dgm:prSet/>
      <dgm:spPr/>
      <dgm:t>
        <a:bodyPr/>
        <a:lstStyle/>
        <a:p>
          <a:endParaRPr lang="en-US" sz="1000">
            <a:ln>
              <a:noFill/>
            </a:ln>
            <a:solidFill>
              <a:sysClr val="windowText" lastClr="000000"/>
            </a:solidFill>
          </a:endParaRPr>
        </a:p>
      </dgm:t>
    </dgm:pt>
    <dgm:pt modelId="{3E2449B9-B1EA-4A56-921A-85B91721E4AE}">
      <dgm:prSet phldrT="[Text]" custT="1"/>
      <dgm:spPr>
        <a:solidFill>
          <a:schemeClr val="accent2"/>
        </a:solidFill>
      </dgm:spPr>
      <dgm:t>
        <a:bodyPr/>
        <a:lstStyle/>
        <a:p>
          <a:r>
            <a:rPr lang="en-US" sz="1600" dirty="0">
              <a:ln>
                <a:noFill/>
              </a:ln>
              <a:solidFill>
                <a:sysClr val="windowText" lastClr="000000"/>
              </a:solidFill>
            </a:rPr>
            <a:t>5. Administer M&amp;E Activities</a:t>
          </a:r>
        </a:p>
      </dgm:t>
    </dgm:pt>
    <dgm:pt modelId="{31BBFF02-81B5-4143-93BD-8B52410468DF}" type="parTrans" cxnId="{DB4DB783-2AF6-417E-A82E-7D16903347DE}">
      <dgm:prSet/>
      <dgm:spPr/>
      <dgm:t>
        <a:bodyPr/>
        <a:lstStyle/>
        <a:p>
          <a:endParaRPr lang="en-US" sz="1600">
            <a:ln>
              <a:noFill/>
            </a:ln>
            <a:solidFill>
              <a:sysClr val="windowText" lastClr="000000"/>
            </a:solidFill>
          </a:endParaRPr>
        </a:p>
      </dgm:t>
    </dgm:pt>
    <dgm:pt modelId="{79034042-E6E2-4FB6-A1DC-9F58F54D71A7}" type="sibTrans" cxnId="{DB4DB783-2AF6-417E-A82E-7D16903347DE}">
      <dgm:prSet/>
      <dgm:spPr/>
      <dgm:t>
        <a:bodyPr/>
        <a:lstStyle/>
        <a:p>
          <a:endParaRPr lang="en-US" sz="1000">
            <a:ln>
              <a:noFill/>
            </a:ln>
            <a:solidFill>
              <a:sysClr val="windowText" lastClr="000000"/>
            </a:solidFill>
          </a:endParaRPr>
        </a:p>
      </dgm:t>
    </dgm:pt>
    <dgm:pt modelId="{9DC73ACB-1B5E-41AB-A2AB-EED554D0C5CD}">
      <dgm:prSet phldrT="[Text]" custT="1"/>
      <dgm:spPr>
        <a:solidFill>
          <a:schemeClr val="accent3"/>
        </a:solidFill>
      </dgm:spPr>
      <dgm:t>
        <a:bodyPr/>
        <a:lstStyle/>
        <a:p>
          <a:r>
            <a:rPr lang="en-US" sz="1600">
              <a:ln>
                <a:noFill/>
              </a:ln>
              <a:solidFill>
                <a:sysClr val="windowText" lastClr="000000"/>
              </a:solidFill>
            </a:rPr>
            <a:t>Gap analysis of M&amp;E demand side</a:t>
          </a:r>
        </a:p>
      </dgm:t>
    </dgm:pt>
    <dgm:pt modelId="{E9C76725-C2D2-4807-B72E-F0D93216219B}" type="parTrans" cxnId="{967FA944-19D3-42D1-BCD0-BAE2FF519E84}">
      <dgm:prSet/>
      <dgm:spPr/>
      <dgm:t>
        <a:bodyPr/>
        <a:lstStyle/>
        <a:p>
          <a:endParaRPr lang="en-US" sz="1600">
            <a:ln>
              <a:noFill/>
            </a:ln>
            <a:solidFill>
              <a:sysClr val="windowText" lastClr="000000"/>
            </a:solidFill>
          </a:endParaRPr>
        </a:p>
      </dgm:t>
    </dgm:pt>
    <dgm:pt modelId="{9055CCF0-4E4C-4E2C-8372-8EA8D3934503}" type="sibTrans" cxnId="{967FA944-19D3-42D1-BCD0-BAE2FF519E84}">
      <dgm:prSet/>
      <dgm:spPr/>
      <dgm:t>
        <a:bodyPr/>
        <a:lstStyle/>
        <a:p>
          <a:endParaRPr lang="en-US" sz="1000">
            <a:ln>
              <a:noFill/>
            </a:ln>
            <a:solidFill>
              <a:sysClr val="windowText" lastClr="000000"/>
            </a:solidFill>
          </a:endParaRPr>
        </a:p>
      </dgm:t>
    </dgm:pt>
    <dgm:pt modelId="{213E6ACA-5522-46BA-A2C9-6DD292D670D8}">
      <dgm:prSet phldrT="[Text]" custT="1"/>
      <dgm:spPr>
        <a:solidFill>
          <a:schemeClr val="accent2"/>
        </a:solidFill>
      </dgm:spPr>
      <dgm:t>
        <a:bodyPr/>
        <a:lstStyle/>
        <a:p>
          <a:r>
            <a:rPr lang="en-US" sz="1600">
              <a:ln>
                <a:noFill/>
              </a:ln>
              <a:solidFill>
                <a:sysClr val="windowText" lastClr="000000"/>
              </a:solidFill>
            </a:rPr>
            <a:t>2. Data Collection &amp; Processing</a:t>
          </a:r>
        </a:p>
      </dgm:t>
    </dgm:pt>
    <dgm:pt modelId="{945A9356-2F5D-46EC-9E0F-01D28729E1B3}" type="parTrans" cxnId="{8364A520-5AB5-4334-94AD-2CD3ACEB27FC}">
      <dgm:prSet/>
      <dgm:spPr/>
      <dgm:t>
        <a:bodyPr/>
        <a:lstStyle/>
        <a:p>
          <a:endParaRPr lang="en-US" sz="1600">
            <a:ln>
              <a:noFill/>
            </a:ln>
            <a:solidFill>
              <a:sysClr val="windowText" lastClr="000000"/>
            </a:solidFill>
          </a:endParaRPr>
        </a:p>
      </dgm:t>
    </dgm:pt>
    <dgm:pt modelId="{9F7E137F-C539-48B6-BD7E-E595F8DC7B68}" type="sibTrans" cxnId="{8364A520-5AB5-4334-94AD-2CD3ACEB27FC}">
      <dgm:prSet/>
      <dgm:spPr/>
      <dgm:t>
        <a:bodyPr/>
        <a:lstStyle/>
        <a:p>
          <a:endParaRPr lang="en-US" sz="1000">
            <a:ln>
              <a:noFill/>
            </a:ln>
            <a:solidFill>
              <a:sysClr val="windowText" lastClr="000000"/>
            </a:solidFill>
          </a:endParaRPr>
        </a:p>
      </dgm:t>
    </dgm:pt>
    <dgm:pt modelId="{753BA08F-F460-4B7E-885D-3B9F5A196814}">
      <dgm:prSet phldrT="[Text]" custT="1"/>
      <dgm:spPr>
        <a:solidFill>
          <a:schemeClr val="accent2"/>
        </a:solidFill>
      </dgm:spPr>
      <dgm:t>
        <a:bodyPr/>
        <a:lstStyle/>
        <a:p>
          <a:r>
            <a:rPr lang="en-US" sz="1600">
              <a:ln>
                <a:noFill/>
              </a:ln>
              <a:solidFill>
                <a:sysClr val="windowText" lastClr="000000"/>
              </a:solidFill>
            </a:rPr>
            <a:t>3. Information Availability</a:t>
          </a:r>
        </a:p>
      </dgm:t>
    </dgm:pt>
    <dgm:pt modelId="{C2ED1EC0-8204-4B1C-8008-09C739D39E9B}" type="parTrans" cxnId="{3BC7099F-1890-4752-A29A-7ECE75F3ACC8}">
      <dgm:prSet/>
      <dgm:spPr/>
      <dgm:t>
        <a:bodyPr/>
        <a:lstStyle/>
        <a:p>
          <a:endParaRPr lang="en-US" sz="1600">
            <a:ln>
              <a:noFill/>
            </a:ln>
            <a:solidFill>
              <a:sysClr val="windowText" lastClr="000000"/>
            </a:solidFill>
          </a:endParaRPr>
        </a:p>
      </dgm:t>
    </dgm:pt>
    <dgm:pt modelId="{BAA2CE5A-6A03-4864-A81A-2C3D5ACC9328}" type="sibTrans" cxnId="{3BC7099F-1890-4752-A29A-7ECE75F3ACC8}">
      <dgm:prSet/>
      <dgm:spPr/>
      <dgm:t>
        <a:bodyPr/>
        <a:lstStyle/>
        <a:p>
          <a:endParaRPr lang="en-US" sz="1000">
            <a:ln>
              <a:noFill/>
            </a:ln>
            <a:solidFill>
              <a:sysClr val="windowText" lastClr="000000"/>
            </a:solidFill>
          </a:endParaRPr>
        </a:p>
      </dgm:t>
    </dgm:pt>
    <dgm:pt modelId="{37A3CFE0-3871-4809-AA5C-4476BF7EFF78}">
      <dgm:prSet phldrT="[Text]" custT="1"/>
      <dgm:spPr>
        <a:solidFill>
          <a:schemeClr val="accent2"/>
        </a:solidFill>
      </dgm:spPr>
      <dgm:t>
        <a:bodyPr/>
        <a:lstStyle/>
        <a:p>
          <a:r>
            <a:rPr lang="en-US" sz="1600">
              <a:ln>
                <a:noFill/>
              </a:ln>
              <a:solidFill>
                <a:sysClr val="windowText" lastClr="000000"/>
              </a:solidFill>
            </a:rPr>
            <a:t>4. Information Use</a:t>
          </a:r>
        </a:p>
      </dgm:t>
    </dgm:pt>
    <dgm:pt modelId="{0140C3A0-931E-40F5-A0C0-9DACC55A6970}" type="parTrans" cxnId="{6BD81881-1DA8-4D41-8883-BDA756A1D042}">
      <dgm:prSet/>
      <dgm:spPr/>
      <dgm:t>
        <a:bodyPr/>
        <a:lstStyle/>
        <a:p>
          <a:endParaRPr lang="en-US" sz="1600">
            <a:ln>
              <a:noFill/>
            </a:ln>
            <a:solidFill>
              <a:sysClr val="windowText" lastClr="000000"/>
            </a:solidFill>
          </a:endParaRPr>
        </a:p>
      </dgm:t>
    </dgm:pt>
    <dgm:pt modelId="{C6409F56-DC9E-4A7F-85B9-67A5D434ED27}" type="sibTrans" cxnId="{6BD81881-1DA8-4D41-8883-BDA756A1D042}">
      <dgm:prSet/>
      <dgm:spPr/>
      <dgm:t>
        <a:bodyPr/>
        <a:lstStyle/>
        <a:p>
          <a:endParaRPr lang="en-US" sz="1000">
            <a:ln>
              <a:noFill/>
            </a:ln>
            <a:solidFill>
              <a:sysClr val="windowText" lastClr="000000"/>
            </a:solidFill>
          </a:endParaRPr>
        </a:p>
      </dgm:t>
    </dgm:pt>
    <dgm:pt modelId="{8F7FFF67-2C1D-4F95-9103-32F04305EC25}">
      <dgm:prSet phldrT="[Text]" custT="1"/>
      <dgm:spPr>
        <a:solidFill>
          <a:schemeClr val="accent3"/>
        </a:solidFill>
      </dgm:spPr>
      <dgm:t>
        <a:bodyPr/>
        <a:lstStyle/>
        <a:p>
          <a:r>
            <a:rPr lang="en-US" sz="1600">
              <a:ln>
                <a:noFill/>
              </a:ln>
              <a:solidFill>
                <a:sysClr val="windowText" lastClr="000000"/>
              </a:solidFill>
            </a:rPr>
            <a:t>Gap analysis of supply side</a:t>
          </a:r>
        </a:p>
      </dgm:t>
    </dgm:pt>
    <dgm:pt modelId="{878574EC-92A2-4DF9-BC10-085C71AD62BE}" type="parTrans" cxnId="{B46696E1-08A7-4120-B755-881FC41CB1C7}">
      <dgm:prSet/>
      <dgm:spPr/>
      <dgm:t>
        <a:bodyPr/>
        <a:lstStyle/>
        <a:p>
          <a:endParaRPr lang="en-US" sz="1600">
            <a:ln>
              <a:noFill/>
            </a:ln>
            <a:solidFill>
              <a:sysClr val="windowText" lastClr="000000"/>
            </a:solidFill>
          </a:endParaRPr>
        </a:p>
      </dgm:t>
    </dgm:pt>
    <dgm:pt modelId="{88B5870A-0CCE-42BC-8C2C-1CDCB4AE8D43}" type="sibTrans" cxnId="{B46696E1-08A7-4120-B755-881FC41CB1C7}">
      <dgm:prSet/>
      <dgm:spPr/>
      <dgm:t>
        <a:bodyPr/>
        <a:lstStyle/>
        <a:p>
          <a:endParaRPr lang="en-US" sz="1000">
            <a:ln>
              <a:noFill/>
            </a:ln>
            <a:solidFill>
              <a:sysClr val="windowText" lastClr="000000"/>
            </a:solidFill>
          </a:endParaRPr>
        </a:p>
      </dgm:t>
    </dgm:pt>
    <dgm:pt modelId="{EB86510E-DAF9-4E45-9A41-CE981601015F}">
      <dgm:prSet phldrT="[Text]" custT="1"/>
      <dgm:spPr>
        <a:solidFill>
          <a:schemeClr val="accent3"/>
        </a:solidFill>
      </dgm:spPr>
      <dgm:t>
        <a:bodyPr/>
        <a:lstStyle/>
        <a:p>
          <a:r>
            <a:rPr lang="en-US" sz="1600">
              <a:ln>
                <a:noFill/>
              </a:ln>
              <a:solidFill>
                <a:sysClr val="windowText" lastClr="000000"/>
              </a:solidFill>
            </a:rPr>
            <a:t>M&amp;E Process Manual</a:t>
          </a:r>
        </a:p>
      </dgm:t>
    </dgm:pt>
    <dgm:pt modelId="{D5C54339-418E-4614-A7F9-060A7E25FA5C}" type="parTrans" cxnId="{D2540995-2EFA-4C4B-B146-0BBAF74E28DB}">
      <dgm:prSet/>
      <dgm:spPr/>
      <dgm:t>
        <a:bodyPr/>
        <a:lstStyle/>
        <a:p>
          <a:endParaRPr lang="en-US" sz="1600">
            <a:ln>
              <a:noFill/>
            </a:ln>
            <a:solidFill>
              <a:sysClr val="windowText" lastClr="000000"/>
            </a:solidFill>
          </a:endParaRPr>
        </a:p>
      </dgm:t>
    </dgm:pt>
    <dgm:pt modelId="{F6F7A07E-FEB8-4F55-8E5A-D7B72F7EC154}" type="sibTrans" cxnId="{D2540995-2EFA-4C4B-B146-0BBAF74E28DB}">
      <dgm:prSet/>
      <dgm:spPr/>
      <dgm:t>
        <a:bodyPr/>
        <a:lstStyle/>
        <a:p>
          <a:endParaRPr lang="en-US" sz="1000">
            <a:ln>
              <a:noFill/>
            </a:ln>
            <a:solidFill>
              <a:sysClr val="windowText" lastClr="000000"/>
            </a:solidFill>
          </a:endParaRPr>
        </a:p>
      </dgm:t>
    </dgm:pt>
    <dgm:pt modelId="{02558DA0-A385-47FF-95B2-445D5DB3C8D3}">
      <dgm:prSet phldrT="[Text]" custT="1"/>
      <dgm:spPr>
        <a:solidFill>
          <a:schemeClr val="accent3"/>
        </a:solidFill>
      </dgm:spPr>
      <dgm:t>
        <a:bodyPr/>
        <a:lstStyle/>
        <a:p>
          <a:r>
            <a:rPr lang="en-US" sz="1600">
              <a:ln>
                <a:noFill/>
              </a:ln>
              <a:solidFill>
                <a:sysClr val="windowText" lastClr="000000"/>
              </a:solidFill>
            </a:rPr>
            <a:t>M&amp;E Plan</a:t>
          </a:r>
        </a:p>
      </dgm:t>
    </dgm:pt>
    <dgm:pt modelId="{4780B29B-8F31-492B-8157-9812F61F5A8B}" type="parTrans" cxnId="{50EF0EDA-39FE-45DB-8072-E813A012B888}">
      <dgm:prSet/>
      <dgm:spPr/>
      <dgm:t>
        <a:bodyPr/>
        <a:lstStyle/>
        <a:p>
          <a:endParaRPr lang="en-US" sz="1600">
            <a:ln>
              <a:noFill/>
            </a:ln>
            <a:solidFill>
              <a:sysClr val="windowText" lastClr="000000"/>
            </a:solidFill>
          </a:endParaRPr>
        </a:p>
      </dgm:t>
    </dgm:pt>
    <dgm:pt modelId="{809837B1-3642-4303-B85E-4B8F1992A6C0}" type="sibTrans" cxnId="{50EF0EDA-39FE-45DB-8072-E813A012B888}">
      <dgm:prSet/>
      <dgm:spPr/>
      <dgm:t>
        <a:bodyPr/>
        <a:lstStyle/>
        <a:p>
          <a:endParaRPr lang="en-US" sz="1000">
            <a:ln>
              <a:noFill/>
            </a:ln>
            <a:solidFill>
              <a:sysClr val="windowText" lastClr="000000"/>
            </a:solidFill>
          </a:endParaRPr>
        </a:p>
      </dgm:t>
    </dgm:pt>
    <dgm:pt modelId="{4A85623F-B68B-416E-8C61-5F25F597722F}">
      <dgm:prSet phldrT="[Text]" custT="1"/>
      <dgm:spPr>
        <a:solidFill>
          <a:schemeClr val="accent3"/>
        </a:solidFill>
      </dgm:spPr>
      <dgm:t>
        <a:bodyPr/>
        <a:lstStyle/>
        <a:p>
          <a:r>
            <a:rPr lang="en-US" sz="1600">
              <a:ln>
                <a:noFill/>
              </a:ln>
              <a:solidFill>
                <a:sysClr val="windowText" lastClr="000000"/>
              </a:solidFill>
            </a:rPr>
            <a:t>Information Management System</a:t>
          </a:r>
        </a:p>
      </dgm:t>
    </dgm:pt>
    <dgm:pt modelId="{6424A5C3-134D-4485-841E-B803E40FB157}" type="parTrans" cxnId="{4C14C841-DA44-46CA-8214-0868E3A9C3A1}">
      <dgm:prSet/>
      <dgm:spPr/>
      <dgm:t>
        <a:bodyPr/>
        <a:lstStyle/>
        <a:p>
          <a:endParaRPr lang="en-US" sz="1600">
            <a:ln>
              <a:noFill/>
            </a:ln>
            <a:solidFill>
              <a:sysClr val="windowText" lastClr="000000"/>
            </a:solidFill>
          </a:endParaRPr>
        </a:p>
      </dgm:t>
    </dgm:pt>
    <dgm:pt modelId="{CE45B0F8-02B7-47FB-8E5C-F069054390B3}" type="sibTrans" cxnId="{4C14C841-DA44-46CA-8214-0868E3A9C3A1}">
      <dgm:prSet/>
      <dgm:spPr/>
      <dgm:t>
        <a:bodyPr/>
        <a:lstStyle/>
        <a:p>
          <a:endParaRPr lang="en-US" sz="1000">
            <a:ln>
              <a:noFill/>
            </a:ln>
            <a:solidFill>
              <a:sysClr val="windowText" lastClr="000000"/>
            </a:solidFill>
          </a:endParaRPr>
        </a:p>
      </dgm:t>
    </dgm:pt>
    <dgm:pt modelId="{324239EE-387B-4205-A28C-FB8A799A896F}">
      <dgm:prSet phldrT="[Text]" custT="1"/>
      <dgm:spPr>
        <a:solidFill>
          <a:schemeClr val="accent3"/>
        </a:solidFill>
      </dgm:spPr>
      <dgm:t>
        <a:bodyPr/>
        <a:lstStyle/>
        <a:p>
          <a:r>
            <a:rPr lang="en-US" sz="1600">
              <a:ln>
                <a:noFill/>
              </a:ln>
              <a:solidFill>
                <a:sysClr val="windowText" lastClr="000000"/>
              </a:solidFill>
            </a:rPr>
            <a:t>Collect &amp; process data per needs (time &amp; content)</a:t>
          </a:r>
        </a:p>
      </dgm:t>
    </dgm:pt>
    <dgm:pt modelId="{8965D6A5-A4A0-4D9F-8CEB-EF91768D48D5}" type="parTrans" cxnId="{430686F4-79D4-4EC0-A131-1A6DC473EDB1}">
      <dgm:prSet/>
      <dgm:spPr/>
      <dgm:t>
        <a:bodyPr/>
        <a:lstStyle/>
        <a:p>
          <a:endParaRPr lang="en-US" sz="1600">
            <a:ln>
              <a:noFill/>
            </a:ln>
            <a:solidFill>
              <a:sysClr val="windowText" lastClr="000000"/>
            </a:solidFill>
          </a:endParaRPr>
        </a:p>
      </dgm:t>
    </dgm:pt>
    <dgm:pt modelId="{C5A8BC2D-6C1A-416B-A11A-C2F1C99820E9}" type="sibTrans" cxnId="{430686F4-79D4-4EC0-A131-1A6DC473EDB1}">
      <dgm:prSet/>
      <dgm:spPr/>
      <dgm:t>
        <a:bodyPr/>
        <a:lstStyle/>
        <a:p>
          <a:endParaRPr lang="en-US" sz="1000">
            <a:ln>
              <a:noFill/>
            </a:ln>
            <a:solidFill>
              <a:sysClr val="windowText" lastClr="000000"/>
            </a:solidFill>
          </a:endParaRPr>
        </a:p>
      </dgm:t>
    </dgm:pt>
    <dgm:pt modelId="{C78C2C81-9E4D-474A-8894-C4673D0600C5}">
      <dgm:prSet phldrT="[Text]" custT="1"/>
      <dgm:spPr>
        <a:solidFill>
          <a:schemeClr val="accent3"/>
        </a:solidFill>
      </dgm:spPr>
      <dgm:t>
        <a:bodyPr/>
        <a:lstStyle/>
        <a:p>
          <a:r>
            <a:rPr lang="en-US" sz="1600">
              <a:ln>
                <a:noFill/>
              </a:ln>
              <a:solidFill>
                <a:sysClr val="windowText" lastClr="000000"/>
              </a:solidFill>
            </a:rPr>
            <a:t>M&amp;E Staffing Plan (revised)</a:t>
          </a:r>
        </a:p>
      </dgm:t>
    </dgm:pt>
    <dgm:pt modelId="{77C93775-113E-4C93-B02E-5E2D5301BA52}" type="sibTrans" cxnId="{F64FCE20-C846-438B-B4CA-FEA7A146CDA3}">
      <dgm:prSet/>
      <dgm:spPr/>
      <dgm:t>
        <a:bodyPr/>
        <a:lstStyle/>
        <a:p>
          <a:endParaRPr lang="en-US" sz="1000">
            <a:ln>
              <a:noFill/>
            </a:ln>
            <a:solidFill>
              <a:sysClr val="windowText" lastClr="000000"/>
            </a:solidFill>
          </a:endParaRPr>
        </a:p>
      </dgm:t>
    </dgm:pt>
    <dgm:pt modelId="{1E39F574-C292-42A5-A482-A77420F79756}" type="parTrans" cxnId="{F64FCE20-C846-438B-B4CA-FEA7A146CDA3}">
      <dgm:prSet/>
      <dgm:spPr/>
      <dgm:t>
        <a:bodyPr/>
        <a:lstStyle/>
        <a:p>
          <a:endParaRPr lang="en-US" sz="1600">
            <a:ln>
              <a:noFill/>
            </a:ln>
            <a:solidFill>
              <a:sysClr val="windowText" lastClr="000000"/>
            </a:solidFill>
          </a:endParaRPr>
        </a:p>
      </dgm:t>
    </dgm:pt>
    <dgm:pt modelId="{65811B18-D039-47B1-8DF9-488B6179DEB9}">
      <dgm:prSet phldrT="[Text]" custT="1"/>
      <dgm:spPr>
        <a:solidFill>
          <a:schemeClr val="accent3"/>
        </a:solidFill>
      </dgm:spPr>
      <dgm:t>
        <a:bodyPr/>
        <a:lstStyle/>
        <a:p>
          <a:r>
            <a:rPr lang="en-US" sz="1600">
              <a:solidFill>
                <a:sysClr val="windowText" lastClr="000000"/>
              </a:solidFill>
            </a:rPr>
            <a:t>M&amp;E Capacity Building</a:t>
          </a:r>
          <a:endParaRPr lang="en-US" sz="1600">
            <a:ln>
              <a:noFill/>
            </a:ln>
            <a:solidFill>
              <a:sysClr val="windowText" lastClr="000000"/>
            </a:solidFill>
          </a:endParaRPr>
        </a:p>
      </dgm:t>
    </dgm:pt>
    <dgm:pt modelId="{EB6E27A9-F8D3-4D81-8882-FADB8DA57291}" type="parTrans" cxnId="{96562FB3-3CAE-409A-92D7-4E66D40309DB}">
      <dgm:prSet/>
      <dgm:spPr/>
      <dgm:t>
        <a:bodyPr/>
        <a:lstStyle/>
        <a:p>
          <a:endParaRPr lang="en-US" sz="1600"/>
        </a:p>
      </dgm:t>
    </dgm:pt>
    <dgm:pt modelId="{104F34DC-2286-4DA9-81AD-C9CC79CF5A7D}" type="sibTrans" cxnId="{96562FB3-3CAE-409A-92D7-4E66D40309DB}">
      <dgm:prSet/>
      <dgm:spPr/>
      <dgm:t>
        <a:bodyPr/>
        <a:lstStyle/>
        <a:p>
          <a:endParaRPr lang="en-US"/>
        </a:p>
      </dgm:t>
    </dgm:pt>
    <dgm:pt modelId="{1245AE91-2C02-43AF-A35E-BC9EC8237CFB}">
      <dgm:prSet phldrT="[Text]" custT="1"/>
      <dgm:spPr>
        <a:solidFill>
          <a:schemeClr val="accent3"/>
        </a:solidFill>
      </dgm:spPr>
      <dgm:t>
        <a:bodyPr/>
        <a:lstStyle/>
        <a:p>
          <a:r>
            <a:rPr lang="en-US" sz="1600">
              <a:ln>
                <a:noFill/>
              </a:ln>
              <a:solidFill>
                <a:sysClr val="windowText" lastClr="000000"/>
              </a:solidFill>
            </a:rPr>
            <a:t>Reports, Tables, Graphics</a:t>
          </a:r>
        </a:p>
      </dgm:t>
    </dgm:pt>
    <dgm:pt modelId="{7A2BE7AC-7838-4E8A-A118-B28DD5A2A225}" type="parTrans" cxnId="{25185282-B0C9-4E0C-94F0-6DB68E6521E7}">
      <dgm:prSet/>
      <dgm:spPr/>
      <dgm:t>
        <a:bodyPr/>
        <a:lstStyle/>
        <a:p>
          <a:endParaRPr lang="en-US" sz="1600"/>
        </a:p>
      </dgm:t>
    </dgm:pt>
    <dgm:pt modelId="{D3C35FF4-6686-4AB6-A304-3128A476519E}" type="sibTrans" cxnId="{25185282-B0C9-4E0C-94F0-6DB68E6521E7}">
      <dgm:prSet/>
      <dgm:spPr/>
      <dgm:t>
        <a:bodyPr/>
        <a:lstStyle/>
        <a:p>
          <a:endParaRPr lang="en-US"/>
        </a:p>
      </dgm:t>
    </dgm:pt>
    <dgm:pt modelId="{7E406B4C-EFE1-4EA3-9A8A-11ACEF71E88B}" type="pres">
      <dgm:prSet presAssocID="{9567D971-7207-40DE-8CE4-A0A20534CBD0}" presName="hierChild1" presStyleCnt="0">
        <dgm:presLayoutVars>
          <dgm:orgChart val="1"/>
          <dgm:chPref val="1"/>
          <dgm:dir/>
          <dgm:animOne val="branch"/>
          <dgm:animLvl val="lvl"/>
          <dgm:resizeHandles/>
        </dgm:presLayoutVars>
      </dgm:prSet>
      <dgm:spPr/>
    </dgm:pt>
    <dgm:pt modelId="{85A52D97-A999-4309-877F-3D56949AF848}" type="pres">
      <dgm:prSet presAssocID="{3AD524C8-6450-4EDB-A668-14276E2D1A94}" presName="hierRoot1" presStyleCnt="0">
        <dgm:presLayoutVars>
          <dgm:hierBranch val="init"/>
        </dgm:presLayoutVars>
      </dgm:prSet>
      <dgm:spPr/>
    </dgm:pt>
    <dgm:pt modelId="{CA44F701-4729-48FD-A926-BEEC8D779C6C}" type="pres">
      <dgm:prSet presAssocID="{3AD524C8-6450-4EDB-A668-14276E2D1A94}" presName="rootComposite1" presStyleCnt="0"/>
      <dgm:spPr/>
    </dgm:pt>
    <dgm:pt modelId="{00615CC6-6D4E-40D7-A020-35272EC73FB2}" type="pres">
      <dgm:prSet presAssocID="{3AD524C8-6450-4EDB-A668-14276E2D1A94}" presName="rootText1" presStyleLbl="node0" presStyleIdx="0" presStyleCnt="1" custScaleX="1162439" custScaleY="1191572" custLinFactY="12106" custLinFactNeighborX="84731" custLinFactNeighborY="100000">
        <dgm:presLayoutVars>
          <dgm:chPref val="3"/>
        </dgm:presLayoutVars>
      </dgm:prSet>
      <dgm:spPr/>
    </dgm:pt>
    <dgm:pt modelId="{9AB81071-09FC-46CF-A3E8-9B49DDCED6B2}" type="pres">
      <dgm:prSet presAssocID="{3AD524C8-6450-4EDB-A668-14276E2D1A94}" presName="rootConnector1" presStyleLbl="node1" presStyleIdx="0" presStyleCnt="0"/>
      <dgm:spPr/>
    </dgm:pt>
    <dgm:pt modelId="{06104315-141A-4446-8E3E-3FFA2E38EA4A}" type="pres">
      <dgm:prSet presAssocID="{3AD524C8-6450-4EDB-A668-14276E2D1A94}" presName="hierChild2" presStyleCnt="0"/>
      <dgm:spPr/>
    </dgm:pt>
    <dgm:pt modelId="{D46C2B45-771F-49AC-AB6C-57DDF7F24242}" type="pres">
      <dgm:prSet presAssocID="{13EBBFC6-55A6-4FEF-BF00-2533489F5D0C}" presName="Name37" presStyleLbl="parChTrans1D2" presStyleIdx="0" presStyleCnt="5" custSzX="3790577" custSzY="204822"/>
      <dgm:spPr/>
    </dgm:pt>
    <dgm:pt modelId="{F1BEEBDF-AA59-47D5-8809-E05C0F31C61E}" type="pres">
      <dgm:prSet presAssocID="{A30E6A28-DBD8-435F-BF5E-F3B604A5F5A3}" presName="hierRoot2" presStyleCnt="0">
        <dgm:presLayoutVars>
          <dgm:hierBranch val="init"/>
        </dgm:presLayoutVars>
      </dgm:prSet>
      <dgm:spPr/>
    </dgm:pt>
    <dgm:pt modelId="{CB501DB2-B7B9-4613-850A-5C2E6358419B}" type="pres">
      <dgm:prSet presAssocID="{A30E6A28-DBD8-435F-BF5E-F3B604A5F5A3}" presName="rootComposite" presStyleCnt="0"/>
      <dgm:spPr/>
    </dgm:pt>
    <dgm:pt modelId="{EBFE9BB6-7DC9-49F7-8096-4C9C19AF3E90}" type="pres">
      <dgm:prSet presAssocID="{A30E6A28-DBD8-435F-BF5E-F3B604A5F5A3}" presName="rootText" presStyleLbl="node2" presStyleIdx="0" presStyleCnt="5" custScaleX="1162439" custScaleY="1191572" custLinFactY="12106" custLinFactNeighborX="84731" custLinFactNeighborY="100000">
        <dgm:presLayoutVars>
          <dgm:chPref val="3"/>
        </dgm:presLayoutVars>
      </dgm:prSet>
      <dgm:spPr/>
    </dgm:pt>
    <dgm:pt modelId="{DCB59C68-5DEB-426C-825D-11686C70C3AF}" type="pres">
      <dgm:prSet presAssocID="{A30E6A28-DBD8-435F-BF5E-F3B604A5F5A3}" presName="rootConnector" presStyleLbl="node2" presStyleIdx="0" presStyleCnt="5"/>
      <dgm:spPr/>
    </dgm:pt>
    <dgm:pt modelId="{B11D486A-F326-463C-BB28-B4E64E22D8F6}" type="pres">
      <dgm:prSet presAssocID="{A30E6A28-DBD8-435F-BF5E-F3B604A5F5A3}" presName="hierChild4" presStyleCnt="0"/>
      <dgm:spPr/>
    </dgm:pt>
    <dgm:pt modelId="{ECFD745B-E040-42C1-8EC8-31623FC30382}" type="pres">
      <dgm:prSet presAssocID="{E9C76725-C2D2-4807-B72E-F0D93216219B}" presName="Name37" presStyleLbl="parChTrans1D3" presStyleIdx="0" presStyleCnt="11" custSzX="277833" custSzY="686051"/>
      <dgm:spPr/>
    </dgm:pt>
    <dgm:pt modelId="{1E0F2D91-A697-4CF4-8232-E5B677CF4FB9}" type="pres">
      <dgm:prSet presAssocID="{9DC73ACB-1B5E-41AB-A2AB-EED554D0C5CD}" presName="hierRoot2" presStyleCnt="0">
        <dgm:presLayoutVars>
          <dgm:hierBranch val="init"/>
        </dgm:presLayoutVars>
      </dgm:prSet>
      <dgm:spPr/>
    </dgm:pt>
    <dgm:pt modelId="{37E60A72-DF37-42F6-BDAA-31830C86079A}" type="pres">
      <dgm:prSet presAssocID="{9DC73ACB-1B5E-41AB-A2AB-EED554D0C5CD}" presName="rootComposite" presStyleCnt="0"/>
      <dgm:spPr/>
    </dgm:pt>
    <dgm:pt modelId="{4D36185A-2612-4407-AC11-2F1BD097D464}" type="pres">
      <dgm:prSet presAssocID="{9DC73ACB-1B5E-41AB-A2AB-EED554D0C5CD}" presName="rootText" presStyleLbl="node3" presStyleIdx="0" presStyleCnt="11" custScaleX="1162439" custScaleY="1191572" custLinFactY="12106" custLinFactNeighborX="84731" custLinFactNeighborY="100000">
        <dgm:presLayoutVars>
          <dgm:chPref val="3"/>
        </dgm:presLayoutVars>
      </dgm:prSet>
      <dgm:spPr/>
    </dgm:pt>
    <dgm:pt modelId="{C045BA59-4B47-4C1B-8B09-077B278861CC}" type="pres">
      <dgm:prSet presAssocID="{9DC73ACB-1B5E-41AB-A2AB-EED554D0C5CD}" presName="rootConnector" presStyleLbl="node3" presStyleIdx="0" presStyleCnt="11"/>
      <dgm:spPr/>
    </dgm:pt>
    <dgm:pt modelId="{65B3874C-62BB-4EBF-A6AC-70B18B336CA9}" type="pres">
      <dgm:prSet presAssocID="{9DC73ACB-1B5E-41AB-A2AB-EED554D0C5CD}" presName="hierChild4" presStyleCnt="0"/>
      <dgm:spPr/>
    </dgm:pt>
    <dgm:pt modelId="{64EE10FC-905A-4D33-B30E-FE6BD7DCBB9D}" type="pres">
      <dgm:prSet presAssocID="{9DC73ACB-1B5E-41AB-A2AB-EED554D0C5CD}" presName="hierChild5" presStyleCnt="0"/>
      <dgm:spPr/>
    </dgm:pt>
    <dgm:pt modelId="{8733747A-9065-4E50-A244-9F6E801145AB}" type="pres">
      <dgm:prSet presAssocID="{A30E6A28-DBD8-435F-BF5E-F3B604A5F5A3}" presName="hierChild5" presStyleCnt="0"/>
      <dgm:spPr/>
    </dgm:pt>
    <dgm:pt modelId="{F89153ED-11B2-4317-B977-4DD2CD6DA20A}" type="pres">
      <dgm:prSet presAssocID="{945A9356-2F5D-46EC-9E0F-01D28729E1B3}" presName="Name37" presStyleLbl="parChTrans1D2" presStyleIdx="1" presStyleCnt="5" custSzX="1895288" custSzY="204822"/>
      <dgm:spPr/>
    </dgm:pt>
    <dgm:pt modelId="{F47BF17D-65F1-4E2B-BEE4-36F8ADB51D5C}" type="pres">
      <dgm:prSet presAssocID="{213E6ACA-5522-46BA-A2C9-6DD292D670D8}" presName="hierRoot2" presStyleCnt="0">
        <dgm:presLayoutVars>
          <dgm:hierBranch val="init"/>
        </dgm:presLayoutVars>
      </dgm:prSet>
      <dgm:spPr/>
    </dgm:pt>
    <dgm:pt modelId="{BC2844AB-FA03-49B7-923C-07F794E1B1A5}" type="pres">
      <dgm:prSet presAssocID="{213E6ACA-5522-46BA-A2C9-6DD292D670D8}" presName="rootComposite" presStyleCnt="0"/>
      <dgm:spPr/>
    </dgm:pt>
    <dgm:pt modelId="{423DC57F-B4C7-4D1F-AC24-A23D3924EF1F}" type="pres">
      <dgm:prSet presAssocID="{213E6ACA-5522-46BA-A2C9-6DD292D670D8}" presName="rootText" presStyleLbl="node2" presStyleIdx="1" presStyleCnt="5" custScaleX="1162439" custScaleY="1191572" custLinFactY="12106" custLinFactNeighborX="84731" custLinFactNeighborY="100000">
        <dgm:presLayoutVars>
          <dgm:chPref val="3"/>
        </dgm:presLayoutVars>
      </dgm:prSet>
      <dgm:spPr/>
    </dgm:pt>
    <dgm:pt modelId="{BC91518D-60BA-4F75-B5F5-E4EAFEE6E54B}" type="pres">
      <dgm:prSet presAssocID="{213E6ACA-5522-46BA-A2C9-6DD292D670D8}" presName="rootConnector" presStyleLbl="node2" presStyleIdx="1" presStyleCnt="5"/>
      <dgm:spPr/>
    </dgm:pt>
    <dgm:pt modelId="{62AABFF1-ADEC-42AF-8699-A812ABD39AB4}" type="pres">
      <dgm:prSet presAssocID="{213E6ACA-5522-46BA-A2C9-6DD292D670D8}" presName="hierChild4" presStyleCnt="0"/>
      <dgm:spPr/>
    </dgm:pt>
    <dgm:pt modelId="{A27A3E47-133B-4FEF-BA5D-4A57BFDE4A87}" type="pres">
      <dgm:prSet presAssocID="{4780B29B-8F31-492B-8157-9812F61F5A8B}" presName="Name37" presStyleLbl="parChTrans1D3" presStyleIdx="1" presStyleCnt="11" custSzX="277833" custSzY="686051"/>
      <dgm:spPr/>
    </dgm:pt>
    <dgm:pt modelId="{5C9D00F2-01D5-4FE9-B9CB-E5E936053131}" type="pres">
      <dgm:prSet presAssocID="{02558DA0-A385-47FF-95B2-445D5DB3C8D3}" presName="hierRoot2" presStyleCnt="0">
        <dgm:presLayoutVars>
          <dgm:hierBranch val="init"/>
        </dgm:presLayoutVars>
      </dgm:prSet>
      <dgm:spPr/>
    </dgm:pt>
    <dgm:pt modelId="{E25A48E9-2043-4286-9A7E-DF1FDC1C5ED1}" type="pres">
      <dgm:prSet presAssocID="{02558DA0-A385-47FF-95B2-445D5DB3C8D3}" presName="rootComposite" presStyleCnt="0"/>
      <dgm:spPr/>
    </dgm:pt>
    <dgm:pt modelId="{FA4B56D0-270E-4C6A-BD88-5763752E6E90}" type="pres">
      <dgm:prSet presAssocID="{02558DA0-A385-47FF-95B2-445D5DB3C8D3}" presName="rootText" presStyleLbl="node3" presStyleIdx="1" presStyleCnt="11" custScaleX="1162439" custScaleY="1191572" custLinFactY="12106" custLinFactNeighborX="84731" custLinFactNeighborY="100000">
        <dgm:presLayoutVars>
          <dgm:chPref val="3"/>
        </dgm:presLayoutVars>
      </dgm:prSet>
      <dgm:spPr/>
    </dgm:pt>
    <dgm:pt modelId="{CE5CC8ED-256E-416C-90C4-9B96397BFCF8}" type="pres">
      <dgm:prSet presAssocID="{02558DA0-A385-47FF-95B2-445D5DB3C8D3}" presName="rootConnector" presStyleLbl="node3" presStyleIdx="1" presStyleCnt="11"/>
      <dgm:spPr/>
    </dgm:pt>
    <dgm:pt modelId="{2F59A880-C8EF-4EB0-B91F-FF117EBD639F}" type="pres">
      <dgm:prSet presAssocID="{02558DA0-A385-47FF-95B2-445D5DB3C8D3}" presName="hierChild4" presStyleCnt="0"/>
      <dgm:spPr/>
    </dgm:pt>
    <dgm:pt modelId="{10815D73-CA4C-4B7B-96BC-33AE8EBCEB49}" type="pres">
      <dgm:prSet presAssocID="{02558DA0-A385-47FF-95B2-445D5DB3C8D3}" presName="hierChild5" presStyleCnt="0"/>
      <dgm:spPr/>
    </dgm:pt>
    <dgm:pt modelId="{203EA17E-F6A5-4F85-AEB7-D4BBE8D0BAD3}" type="pres">
      <dgm:prSet presAssocID="{D5C54339-418E-4614-A7F9-060A7E25FA5C}" presName="Name37" presStyleLbl="parChTrans1D3" presStyleIdx="2" presStyleCnt="11" custSzX="277833" custSzY="1964594"/>
      <dgm:spPr/>
    </dgm:pt>
    <dgm:pt modelId="{1B7F9888-A343-4AB9-9574-E7FF9CC0899E}" type="pres">
      <dgm:prSet presAssocID="{EB86510E-DAF9-4E45-9A41-CE981601015F}" presName="hierRoot2" presStyleCnt="0">
        <dgm:presLayoutVars>
          <dgm:hierBranch val="init"/>
        </dgm:presLayoutVars>
      </dgm:prSet>
      <dgm:spPr/>
    </dgm:pt>
    <dgm:pt modelId="{B8EBBFD8-954A-472E-B01E-3C071F4AF816}" type="pres">
      <dgm:prSet presAssocID="{EB86510E-DAF9-4E45-9A41-CE981601015F}" presName="rootComposite" presStyleCnt="0"/>
      <dgm:spPr/>
    </dgm:pt>
    <dgm:pt modelId="{BED20F59-80BD-46D0-AF11-A1CF514B37B4}" type="pres">
      <dgm:prSet presAssocID="{EB86510E-DAF9-4E45-9A41-CE981601015F}" presName="rootText" presStyleLbl="node3" presStyleIdx="2" presStyleCnt="11" custScaleX="1162439" custScaleY="1191572" custLinFactY="12106" custLinFactNeighborX="84731" custLinFactNeighborY="100000">
        <dgm:presLayoutVars>
          <dgm:chPref val="3"/>
        </dgm:presLayoutVars>
      </dgm:prSet>
      <dgm:spPr/>
    </dgm:pt>
    <dgm:pt modelId="{C5D474CD-A41B-4903-BDCB-58FB7677015D}" type="pres">
      <dgm:prSet presAssocID="{EB86510E-DAF9-4E45-9A41-CE981601015F}" presName="rootConnector" presStyleLbl="node3" presStyleIdx="2" presStyleCnt="11"/>
      <dgm:spPr/>
    </dgm:pt>
    <dgm:pt modelId="{B63C1D43-9808-4D05-85BB-BFCDE64EEEF4}" type="pres">
      <dgm:prSet presAssocID="{EB86510E-DAF9-4E45-9A41-CE981601015F}" presName="hierChild4" presStyleCnt="0"/>
      <dgm:spPr/>
    </dgm:pt>
    <dgm:pt modelId="{AC3000F2-852A-4B36-92EE-51F3935A2E80}" type="pres">
      <dgm:prSet presAssocID="{EB86510E-DAF9-4E45-9A41-CE981601015F}" presName="hierChild5" presStyleCnt="0"/>
      <dgm:spPr/>
    </dgm:pt>
    <dgm:pt modelId="{1ABF5422-AE9D-4DC0-945A-D95A52265B92}" type="pres">
      <dgm:prSet presAssocID="{6424A5C3-134D-4485-841E-B803E40FB157}" presName="Name37" presStyleLbl="parChTrans1D3" presStyleIdx="3" presStyleCnt="11" custSzX="277833" custSzY="3243138"/>
      <dgm:spPr/>
    </dgm:pt>
    <dgm:pt modelId="{773DBC1B-EAB1-458B-9A9D-DCA30385E168}" type="pres">
      <dgm:prSet presAssocID="{4A85623F-B68B-416E-8C61-5F25F597722F}" presName="hierRoot2" presStyleCnt="0">
        <dgm:presLayoutVars>
          <dgm:hierBranch val="init"/>
        </dgm:presLayoutVars>
      </dgm:prSet>
      <dgm:spPr/>
    </dgm:pt>
    <dgm:pt modelId="{B007B021-25D0-44C8-BA0B-FE46648C5173}" type="pres">
      <dgm:prSet presAssocID="{4A85623F-B68B-416E-8C61-5F25F597722F}" presName="rootComposite" presStyleCnt="0"/>
      <dgm:spPr/>
    </dgm:pt>
    <dgm:pt modelId="{4EE532C1-AE67-45B3-BB31-0C970DA02063}" type="pres">
      <dgm:prSet presAssocID="{4A85623F-B68B-416E-8C61-5F25F597722F}" presName="rootText" presStyleLbl="node3" presStyleIdx="3" presStyleCnt="11" custScaleX="1162439" custScaleY="1191572" custLinFactY="12106" custLinFactNeighborX="84731" custLinFactNeighborY="100000">
        <dgm:presLayoutVars>
          <dgm:chPref val="3"/>
        </dgm:presLayoutVars>
      </dgm:prSet>
      <dgm:spPr/>
    </dgm:pt>
    <dgm:pt modelId="{3CC65433-5DFA-4113-91EA-D6CBBFA75214}" type="pres">
      <dgm:prSet presAssocID="{4A85623F-B68B-416E-8C61-5F25F597722F}" presName="rootConnector" presStyleLbl="node3" presStyleIdx="3" presStyleCnt="11"/>
      <dgm:spPr/>
    </dgm:pt>
    <dgm:pt modelId="{1EF8FEE6-9BAC-440A-B5E3-9C3B36A79E4B}" type="pres">
      <dgm:prSet presAssocID="{4A85623F-B68B-416E-8C61-5F25F597722F}" presName="hierChild4" presStyleCnt="0"/>
      <dgm:spPr/>
    </dgm:pt>
    <dgm:pt modelId="{9875A6EA-6BE1-4A62-BADC-8C1E68F65170}" type="pres">
      <dgm:prSet presAssocID="{4A85623F-B68B-416E-8C61-5F25F597722F}" presName="hierChild5" presStyleCnt="0"/>
      <dgm:spPr/>
    </dgm:pt>
    <dgm:pt modelId="{6F408556-345D-495C-BC70-4FC508BD2E40}" type="pres">
      <dgm:prSet presAssocID="{8965D6A5-A4A0-4D9F-8CEB-EF91768D48D5}" presName="Name37" presStyleLbl="parChTrans1D3" presStyleIdx="4" presStyleCnt="11" custSzX="277833" custSzY="4521682"/>
      <dgm:spPr/>
    </dgm:pt>
    <dgm:pt modelId="{D5140497-5682-4EB7-879F-5F5E7FBCAE78}" type="pres">
      <dgm:prSet presAssocID="{324239EE-387B-4205-A28C-FB8A799A896F}" presName="hierRoot2" presStyleCnt="0">
        <dgm:presLayoutVars>
          <dgm:hierBranch val="init"/>
        </dgm:presLayoutVars>
      </dgm:prSet>
      <dgm:spPr/>
    </dgm:pt>
    <dgm:pt modelId="{E07F7329-BEEC-48BD-8E40-CE70318BC24A}" type="pres">
      <dgm:prSet presAssocID="{324239EE-387B-4205-A28C-FB8A799A896F}" presName="rootComposite" presStyleCnt="0"/>
      <dgm:spPr/>
    </dgm:pt>
    <dgm:pt modelId="{AAE26F62-BD30-496D-A95A-3E9234865669}" type="pres">
      <dgm:prSet presAssocID="{324239EE-387B-4205-A28C-FB8A799A896F}" presName="rootText" presStyleLbl="node3" presStyleIdx="4" presStyleCnt="11" custScaleX="1162439" custScaleY="1191572" custLinFactY="12106" custLinFactNeighborX="84731" custLinFactNeighborY="100000">
        <dgm:presLayoutVars>
          <dgm:chPref val="3"/>
        </dgm:presLayoutVars>
      </dgm:prSet>
      <dgm:spPr/>
    </dgm:pt>
    <dgm:pt modelId="{10E995A9-5F28-4777-96A0-9772BAA3FFA8}" type="pres">
      <dgm:prSet presAssocID="{324239EE-387B-4205-A28C-FB8A799A896F}" presName="rootConnector" presStyleLbl="node3" presStyleIdx="4" presStyleCnt="11"/>
      <dgm:spPr/>
    </dgm:pt>
    <dgm:pt modelId="{411139DA-2F1C-4857-8C11-EF90AF40F01C}" type="pres">
      <dgm:prSet presAssocID="{324239EE-387B-4205-A28C-FB8A799A896F}" presName="hierChild4" presStyleCnt="0"/>
      <dgm:spPr/>
    </dgm:pt>
    <dgm:pt modelId="{1AAFD50D-6C94-4363-AFAB-FF654FFE63A2}" type="pres">
      <dgm:prSet presAssocID="{324239EE-387B-4205-A28C-FB8A799A896F}" presName="hierChild5" presStyleCnt="0"/>
      <dgm:spPr/>
    </dgm:pt>
    <dgm:pt modelId="{175AAA74-2E11-4247-BCF0-0257C486333A}" type="pres">
      <dgm:prSet presAssocID="{213E6ACA-5522-46BA-A2C9-6DD292D670D8}" presName="hierChild5" presStyleCnt="0"/>
      <dgm:spPr/>
    </dgm:pt>
    <dgm:pt modelId="{04915DA5-DB16-4D8F-A509-1B3FA1697795}" type="pres">
      <dgm:prSet presAssocID="{C2ED1EC0-8204-4B1C-8008-09C739D39E9B}" presName="Name37" presStyleLbl="parChTrans1D2" presStyleIdx="2" presStyleCnt="5" custSzX="117682" custSzY="204822"/>
      <dgm:spPr/>
    </dgm:pt>
    <dgm:pt modelId="{097C36C2-3EF7-4D3C-86D4-F7639EA5C9F2}" type="pres">
      <dgm:prSet presAssocID="{753BA08F-F460-4B7E-885D-3B9F5A196814}" presName="hierRoot2" presStyleCnt="0">
        <dgm:presLayoutVars>
          <dgm:hierBranch val="init"/>
        </dgm:presLayoutVars>
      </dgm:prSet>
      <dgm:spPr/>
    </dgm:pt>
    <dgm:pt modelId="{E329132D-1072-4761-AF45-82EEF00D3967}" type="pres">
      <dgm:prSet presAssocID="{753BA08F-F460-4B7E-885D-3B9F5A196814}" presName="rootComposite" presStyleCnt="0"/>
      <dgm:spPr/>
    </dgm:pt>
    <dgm:pt modelId="{009EEA76-70EF-437B-9107-A230677637B7}" type="pres">
      <dgm:prSet presAssocID="{753BA08F-F460-4B7E-885D-3B9F5A196814}" presName="rootText" presStyleLbl="node2" presStyleIdx="2" presStyleCnt="5" custScaleX="1162439" custScaleY="1191572" custLinFactY="12106" custLinFactNeighborX="84731" custLinFactNeighborY="100000">
        <dgm:presLayoutVars>
          <dgm:chPref val="3"/>
        </dgm:presLayoutVars>
      </dgm:prSet>
      <dgm:spPr/>
    </dgm:pt>
    <dgm:pt modelId="{3DAEEC5A-0805-45C2-B476-7A44260A07AE}" type="pres">
      <dgm:prSet presAssocID="{753BA08F-F460-4B7E-885D-3B9F5A196814}" presName="rootConnector" presStyleLbl="node2" presStyleIdx="2" presStyleCnt="5"/>
      <dgm:spPr/>
    </dgm:pt>
    <dgm:pt modelId="{32C548F8-055E-40DB-807B-1FB767B256A8}" type="pres">
      <dgm:prSet presAssocID="{753BA08F-F460-4B7E-885D-3B9F5A196814}" presName="hierChild4" presStyleCnt="0"/>
      <dgm:spPr/>
    </dgm:pt>
    <dgm:pt modelId="{E9401985-6D46-4CBB-89C7-4399E52F34FA}" type="pres">
      <dgm:prSet presAssocID="{878574EC-92A2-4DF9-BC10-085C71AD62BE}" presName="Name37" presStyleLbl="parChTrans1D3" presStyleIdx="5" presStyleCnt="11" custSzX="277833" custSzY="686051"/>
      <dgm:spPr/>
    </dgm:pt>
    <dgm:pt modelId="{ED5030A2-EE8F-4ED5-A3BF-72600ED33EB1}" type="pres">
      <dgm:prSet presAssocID="{8F7FFF67-2C1D-4F95-9103-32F04305EC25}" presName="hierRoot2" presStyleCnt="0">
        <dgm:presLayoutVars>
          <dgm:hierBranch val="init"/>
        </dgm:presLayoutVars>
      </dgm:prSet>
      <dgm:spPr/>
    </dgm:pt>
    <dgm:pt modelId="{4AFE5903-9C01-4CAA-82A5-DA647EF3D60B}" type="pres">
      <dgm:prSet presAssocID="{8F7FFF67-2C1D-4F95-9103-32F04305EC25}" presName="rootComposite" presStyleCnt="0"/>
      <dgm:spPr/>
    </dgm:pt>
    <dgm:pt modelId="{4216A3E2-8844-4D9A-9B4A-7339AAB4BEC8}" type="pres">
      <dgm:prSet presAssocID="{8F7FFF67-2C1D-4F95-9103-32F04305EC25}" presName="rootText" presStyleLbl="node3" presStyleIdx="5" presStyleCnt="11" custScaleX="1162439" custScaleY="1191572" custLinFactY="12106" custLinFactNeighborX="84731" custLinFactNeighborY="100000">
        <dgm:presLayoutVars>
          <dgm:chPref val="3"/>
        </dgm:presLayoutVars>
      </dgm:prSet>
      <dgm:spPr/>
    </dgm:pt>
    <dgm:pt modelId="{3B7DB866-4C11-489F-92CC-4ABA18B885D7}" type="pres">
      <dgm:prSet presAssocID="{8F7FFF67-2C1D-4F95-9103-32F04305EC25}" presName="rootConnector" presStyleLbl="node3" presStyleIdx="5" presStyleCnt="11"/>
      <dgm:spPr/>
    </dgm:pt>
    <dgm:pt modelId="{DA31145E-7D11-45BE-B1CA-D25E5D07C18B}" type="pres">
      <dgm:prSet presAssocID="{8F7FFF67-2C1D-4F95-9103-32F04305EC25}" presName="hierChild4" presStyleCnt="0"/>
      <dgm:spPr/>
    </dgm:pt>
    <dgm:pt modelId="{0BC9846D-A167-4255-A115-871C5AD6DDD7}" type="pres">
      <dgm:prSet presAssocID="{8F7FFF67-2C1D-4F95-9103-32F04305EC25}" presName="hierChild5" presStyleCnt="0"/>
      <dgm:spPr/>
    </dgm:pt>
    <dgm:pt modelId="{607C536A-D228-4E5A-8101-6C78DCC70E11}" type="pres">
      <dgm:prSet presAssocID="{753BA08F-F460-4B7E-885D-3B9F5A196814}" presName="hierChild5" presStyleCnt="0"/>
      <dgm:spPr/>
    </dgm:pt>
    <dgm:pt modelId="{F68D9649-B6AF-4146-9BBA-6D6BC8CEF4F6}" type="pres">
      <dgm:prSet presAssocID="{0140C3A0-931E-40F5-A0C0-9DACC55A6970}" presName="Name37" presStyleLbl="parChTrans1D2" presStyleIdx="3" presStyleCnt="5" custSzX="1895288" custSzY="204822"/>
      <dgm:spPr/>
    </dgm:pt>
    <dgm:pt modelId="{9946A06D-411B-4108-9127-44A0BF85D8A9}" type="pres">
      <dgm:prSet presAssocID="{37A3CFE0-3871-4809-AA5C-4476BF7EFF78}" presName="hierRoot2" presStyleCnt="0">
        <dgm:presLayoutVars>
          <dgm:hierBranch val="init"/>
        </dgm:presLayoutVars>
      </dgm:prSet>
      <dgm:spPr/>
    </dgm:pt>
    <dgm:pt modelId="{89FA74DB-5965-4821-B6E8-52F2A905C707}" type="pres">
      <dgm:prSet presAssocID="{37A3CFE0-3871-4809-AA5C-4476BF7EFF78}" presName="rootComposite" presStyleCnt="0"/>
      <dgm:spPr/>
    </dgm:pt>
    <dgm:pt modelId="{2AFCACAA-DAF5-4351-BB5D-F7C0480A7BC3}" type="pres">
      <dgm:prSet presAssocID="{37A3CFE0-3871-4809-AA5C-4476BF7EFF78}" presName="rootText" presStyleLbl="node2" presStyleIdx="3" presStyleCnt="5" custScaleX="1162439" custScaleY="1191572" custLinFactY="12106" custLinFactNeighborX="84731" custLinFactNeighborY="100000">
        <dgm:presLayoutVars>
          <dgm:chPref val="3"/>
        </dgm:presLayoutVars>
      </dgm:prSet>
      <dgm:spPr/>
    </dgm:pt>
    <dgm:pt modelId="{3E3EAE73-9A00-4C1D-831F-DCB331C0BAB7}" type="pres">
      <dgm:prSet presAssocID="{37A3CFE0-3871-4809-AA5C-4476BF7EFF78}" presName="rootConnector" presStyleLbl="node2" presStyleIdx="3" presStyleCnt="5"/>
      <dgm:spPr/>
    </dgm:pt>
    <dgm:pt modelId="{3A2A4EBF-38F8-41DF-9E89-C2216AAD0C89}" type="pres">
      <dgm:prSet presAssocID="{37A3CFE0-3871-4809-AA5C-4476BF7EFF78}" presName="hierChild4" presStyleCnt="0"/>
      <dgm:spPr/>
    </dgm:pt>
    <dgm:pt modelId="{6E56EED1-7C54-454D-A673-53412DD6D943}" type="pres">
      <dgm:prSet presAssocID="{7A2BE7AC-7838-4E8A-A118-B28DD5A2A225}" presName="Name37" presStyleLbl="parChTrans1D3" presStyleIdx="6" presStyleCnt="11" custSzX="268377" custSzY="686053"/>
      <dgm:spPr/>
    </dgm:pt>
    <dgm:pt modelId="{AB1D92EE-1D2C-428E-8CC4-78FAC9F1A883}" type="pres">
      <dgm:prSet presAssocID="{1245AE91-2C02-43AF-A35E-BC9EC8237CFB}" presName="hierRoot2" presStyleCnt="0">
        <dgm:presLayoutVars>
          <dgm:hierBranch val="init"/>
        </dgm:presLayoutVars>
      </dgm:prSet>
      <dgm:spPr/>
    </dgm:pt>
    <dgm:pt modelId="{22892751-A7F0-4553-B7BA-644C25506C57}" type="pres">
      <dgm:prSet presAssocID="{1245AE91-2C02-43AF-A35E-BC9EC8237CFB}" presName="rootComposite" presStyleCnt="0"/>
      <dgm:spPr/>
    </dgm:pt>
    <dgm:pt modelId="{49160F5C-762F-4FEC-A3CE-1CF1149FD53C}" type="pres">
      <dgm:prSet presAssocID="{1245AE91-2C02-43AF-A35E-BC9EC8237CFB}" presName="rootText" presStyleLbl="node3" presStyleIdx="6" presStyleCnt="11" custScaleX="1162439" custScaleY="1191572" custLinFactY="12107" custLinFactNeighborX="80120" custLinFactNeighborY="100000">
        <dgm:presLayoutVars>
          <dgm:chPref val="3"/>
        </dgm:presLayoutVars>
      </dgm:prSet>
      <dgm:spPr/>
    </dgm:pt>
    <dgm:pt modelId="{FF075D63-DE8C-45C6-8EF6-DE577ABBEAC5}" type="pres">
      <dgm:prSet presAssocID="{1245AE91-2C02-43AF-A35E-BC9EC8237CFB}" presName="rootConnector" presStyleLbl="node3" presStyleIdx="6" presStyleCnt="11"/>
      <dgm:spPr/>
    </dgm:pt>
    <dgm:pt modelId="{20CD9D65-07BF-4032-999F-03EB905A39EA}" type="pres">
      <dgm:prSet presAssocID="{1245AE91-2C02-43AF-A35E-BC9EC8237CFB}" presName="hierChild4" presStyleCnt="0"/>
      <dgm:spPr/>
    </dgm:pt>
    <dgm:pt modelId="{81F02660-E33D-4FD5-987C-136E92355DC4}" type="pres">
      <dgm:prSet presAssocID="{1245AE91-2C02-43AF-A35E-BC9EC8237CFB}" presName="hierChild5" presStyleCnt="0"/>
      <dgm:spPr/>
    </dgm:pt>
    <dgm:pt modelId="{C4393A8D-4E52-4293-919B-AE70593B984A}" type="pres">
      <dgm:prSet presAssocID="{37A3CFE0-3871-4809-AA5C-4476BF7EFF78}" presName="hierChild5" presStyleCnt="0"/>
      <dgm:spPr/>
    </dgm:pt>
    <dgm:pt modelId="{C927EB7F-5FD9-49CB-9457-2C7A0109DBFC}" type="pres">
      <dgm:prSet presAssocID="{31BBFF02-81B5-4143-93BD-8B52410468DF}" presName="Name37" presStyleLbl="parChTrans1D2" presStyleIdx="4" presStyleCnt="5" custSzX="3659755" custSzY="204822"/>
      <dgm:spPr/>
    </dgm:pt>
    <dgm:pt modelId="{CA1AF37F-4F55-4FAE-BD79-B9420577CAC1}" type="pres">
      <dgm:prSet presAssocID="{3E2449B9-B1EA-4A56-921A-85B91721E4AE}" presName="hierRoot2" presStyleCnt="0">
        <dgm:presLayoutVars>
          <dgm:hierBranch val="init"/>
        </dgm:presLayoutVars>
      </dgm:prSet>
      <dgm:spPr/>
    </dgm:pt>
    <dgm:pt modelId="{7C957998-6A4C-44A2-BA17-7F590FB54A5E}" type="pres">
      <dgm:prSet presAssocID="{3E2449B9-B1EA-4A56-921A-85B91721E4AE}" presName="rootComposite" presStyleCnt="0"/>
      <dgm:spPr/>
    </dgm:pt>
    <dgm:pt modelId="{B61B9C1F-4971-445B-877C-60CC9FB02830}" type="pres">
      <dgm:prSet presAssocID="{3E2449B9-B1EA-4A56-921A-85B91721E4AE}" presName="rootText" presStyleLbl="node2" presStyleIdx="4" presStyleCnt="5" custScaleX="1162439" custScaleY="1191572" custLinFactY="12106" custLinFactNeighborX="20937" custLinFactNeighborY="100000">
        <dgm:presLayoutVars>
          <dgm:chPref val="3"/>
        </dgm:presLayoutVars>
      </dgm:prSet>
      <dgm:spPr/>
    </dgm:pt>
    <dgm:pt modelId="{21DB4E5B-E0AF-4FF4-8DE9-27A3396A82DC}" type="pres">
      <dgm:prSet presAssocID="{3E2449B9-B1EA-4A56-921A-85B91721E4AE}" presName="rootConnector" presStyleLbl="node2" presStyleIdx="4" presStyleCnt="5"/>
      <dgm:spPr/>
    </dgm:pt>
    <dgm:pt modelId="{AF212943-582A-4899-A245-822C23ABCE60}" type="pres">
      <dgm:prSet presAssocID="{3E2449B9-B1EA-4A56-921A-85B91721E4AE}" presName="hierChild4" presStyleCnt="0"/>
      <dgm:spPr/>
    </dgm:pt>
    <dgm:pt modelId="{883F1896-4CE2-4FA4-B22A-AAA7C89B3CF2}" type="pres">
      <dgm:prSet presAssocID="{DA61DE62-0777-4178-9599-E51F24B4D657}" presName="Name37" presStyleLbl="parChTrans1D3" presStyleIdx="7" presStyleCnt="11" custSzX="117682" custSzY="686051"/>
      <dgm:spPr/>
    </dgm:pt>
    <dgm:pt modelId="{287CA37D-2521-445C-80CA-C1D9B498B196}" type="pres">
      <dgm:prSet presAssocID="{3AC5D040-4812-4ACA-8119-6EF8FE93CC52}" presName="hierRoot2" presStyleCnt="0">
        <dgm:presLayoutVars>
          <dgm:hierBranch val="init"/>
        </dgm:presLayoutVars>
      </dgm:prSet>
      <dgm:spPr/>
    </dgm:pt>
    <dgm:pt modelId="{3C6EBC79-86F4-4B94-91CE-A8FC38FB8091}" type="pres">
      <dgm:prSet presAssocID="{3AC5D040-4812-4ACA-8119-6EF8FE93CC52}" presName="rootComposite" presStyleCnt="0"/>
      <dgm:spPr/>
    </dgm:pt>
    <dgm:pt modelId="{02F24FDB-03B1-4FBA-8CF6-CB22BE11153F}" type="pres">
      <dgm:prSet presAssocID="{3AC5D040-4812-4ACA-8119-6EF8FE93CC52}" presName="rootText" presStyleLbl="node3" presStyleIdx="7" presStyleCnt="11" custScaleX="1162439" custScaleY="1191572" custLinFactY="12106" custLinFactNeighborX="-87856" custLinFactNeighborY="100000">
        <dgm:presLayoutVars>
          <dgm:chPref val="3"/>
        </dgm:presLayoutVars>
      </dgm:prSet>
      <dgm:spPr/>
    </dgm:pt>
    <dgm:pt modelId="{FB3419FF-FA15-4906-8A0A-7F018F8FA69E}" type="pres">
      <dgm:prSet presAssocID="{3AC5D040-4812-4ACA-8119-6EF8FE93CC52}" presName="rootConnector" presStyleLbl="node3" presStyleIdx="7" presStyleCnt="11"/>
      <dgm:spPr/>
    </dgm:pt>
    <dgm:pt modelId="{A4F939F9-AA92-4E66-ACCB-DB139188F79B}" type="pres">
      <dgm:prSet presAssocID="{3AC5D040-4812-4ACA-8119-6EF8FE93CC52}" presName="hierChild4" presStyleCnt="0"/>
      <dgm:spPr/>
    </dgm:pt>
    <dgm:pt modelId="{E182FE14-3071-42D9-8919-B9DC25AE6DA6}" type="pres">
      <dgm:prSet presAssocID="{3AC5D040-4812-4ACA-8119-6EF8FE93CC52}" presName="hierChild5" presStyleCnt="0"/>
      <dgm:spPr/>
    </dgm:pt>
    <dgm:pt modelId="{4236DE86-32D2-4AF9-B39F-A4894C9C6813}" type="pres">
      <dgm:prSet presAssocID="{D353629C-629A-43E7-8A45-39216B69B3D9}" presName="Name37" presStyleLbl="parChTrans1D3" presStyleIdx="8" presStyleCnt="11" custSzX="117682" custSzY="1964594"/>
      <dgm:spPr/>
    </dgm:pt>
    <dgm:pt modelId="{FB67E0AE-8081-4A95-8F27-AB34F6271917}" type="pres">
      <dgm:prSet presAssocID="{3F8445D1-FDBC-4EE1-BE16-F36DD20CA1DF}" presName="hierRoot2" presStyleCnt="0">
        <dgm:presLayoutVars>
          <dgm:hierBranch val="init"/>
        </dgm:presLayoutVars>
      </dgm:prSet>
      <dgm:spPr/>
    </dgm:pt>
    <dgm:pt modelId="{A7397132-25A6-4EFD-B33E-EB27DE32D8F8}" type="pres">
      <dgm:prSet presAssocID="{3F8445D1-FDBC-4EE1-BE16-F36DD20CA1DF}" presName="rootComposite" presStyleCnt="0"/>
      <dgm:spPr/>
    </dgm:pt>
    <dgm:pt modelId="{05701534-2BB0-4F02-B1B6-EBE4EB2209D8}" type="pres">
      <dgm:prSet presAssocID="{3F8445D1-FDBC-4EE1-BE16-F36DD20CA1DF}" presName="rootText" presStyleLbl="node3" presStyleIdx="8" presStyleCnt="11" custScaleX="1162439" custScaleY="1191572" custLinFactY="12106" custLinFactNeighborX="-87856" custLinFactNeighborY="100000">
        <dgm:presLayoutVars>
          <dgm:chPref val="3"/>
        </dgm:presLayoutVars>
      </dgm:prSet>
      <dgm:spPr/>
    </dgm:pt>
    <dgm:pt modelId="{674AC0D6-E16E-437B-BC7F-B000213AE1DA}" type="pres">
      <dgm:prSet presAssocID="{3F8445D1-FDBC-4EE1-BE16-F36DD20CA1DF}" presName="rootConnector" presStyleLbl="node3" presStyleIdx="8" presStyleCnt="11"/>
      <dgm:spPr/>
    </dgm:pt>
    <dgm:pt modelId="{7F8E4CAE-1FB6-4B10-90CC-64B819983125}" type="pres">
      <dgm:prSet presAssocID="{3F8445D1-FDBC-4EE1-BE16-F36DD20CA1DF}" presName="hierChild4" presStyleCnt="0"/>
      <dgm:spPr/>
    </dgm:pt>
    <dgm:pt modelId="{2B5B8611-78B8-4586-8171-6C03D464CB0E}" type="pres">
      <dgm:prSet presAssocID="{3F8445D1-FDBC-4EE1-BE16-F36DD20CA1DF}" presName="hierChild5" presStyleCnt="0"/>
      <dgm:spPr/>
    </dgm:pt>
    <dgm:pt modelId="{F4AB436E-8760-4363-BD9B-6C4E220880F3}" type="pres">
      <dgm:prSet presAssocID="{1E39F574-C292-42A5-A482-A77420F79756}" presName="Name37" presStyleLbl="parChTrans1D3" presStyleIdx="9" presStyleCnt="11" custSzX="117682" custSzY="3243138"/>
      <dgm:spPr/>
    </dgm:pt>
    <dgm:pt modelId="{68A8E6A3-A69D-4062-8BF4-54898330B155}" type="pres">
      <dgm:prSet presAssocID="{C78C2C81-9E4D-474A-8894-C4673D0600C5}" presName="hierRoot2" presStyleCnt="0">
        <dgm:presLayoutVars>
          <dgm:hierBranch val="init"/>
        </dgm:presLayoutVars>
      </dgm:prSet>
      <dgm:spPr/>
    </dgm:pt>
    <dgm:pt modelId="{497F896F-4D4D-424E-B891-161A5AE368D4}" type="pres">
      <dgm:prSet presAssocID="{C78C2C81-9E4D-474A-8894-C4673D0600C5}" presName="rootComposite" presStyleCnt="0"/>
      <dgm:spPr/>
    </dgm:pt>
    <dgm:pt modelId="{C08FD8AE-6B77-4AA5-A8CE-F75909E612E8}" type="pres">
      <dgm:prSet presAssocID="{C78C2C81-9E4D-474A-8894-C4673D0600C5}" presName="rootText" presStyleLbl="node3" presStyleIdx="9" presStyleCnt="11" custScaleX="1162439" custScaleY="1191572" custLinFactY="12106" custLinFactNeighborX="-87856" custLinFactNeighborY="100000">
        <dgm:presLayoutVars>
          <dgm:chPref val="3"/>
        </dgm:presLayoutVars>
      </dgm:prSet>
      <dgm:spPr/>
    </dgm:pt>
    <dgm:pt modelId="{C714A5B8-31E4-4CF7-87A6-0619D1DE8AF5}" type="pres">
      <dgm:prSet presAssocID="{C78C2C81-9E4D-474A-8894-C4673D0600C5}" presName="rootConnector" presStyleLbl="node3" presStyleIdx="9" presStyleCnt="11"/>
      <dgm:spPr/>
    </dgm:pt>
    <dgm:pt modelId="{AF924905-302C-4914-AD7F-36E7B8B45B9C}" type="pres">
      <dgm:prSet presAssocID="{C78C2C81-9E4D-474A-8894-C4673D0600C5}" presName="hierChild4" presStyleCnt="0"/>
      <dgm:spPr/>
    </dgm:pt>
    <dgm:pt modelId="{6B3FBE98-9DD4-403E-801A-3BDBFADCBEB9}" type="pres">
      <dgm:prSet presAssocID="{C78C2C81-9E4D-474A-8894-C4673D0600C5}" presName="hierChild5" presStyleCnt="0"/>
      <dgm:spPr/>
    </dgm:pt>
    <dgm:pt modelId="{75115D98-C27E-42E8-93CE-80F927CBB0D2}" type="pres">
      <dgm:prSet presAssocID="{EB6E27A9-F8D3-4D81-8882-FADB8DA57291}" presName="Name37" presStyleLbl="parChTrans1D3" presStyleIdx="10" presStyleCnt="11" custSzX="117682" custSzY="4521682"/>
      <dgm:spPr/>
    </dgm:pt>
    <dgm:pt modelId="{BF7F8887-431D-4C6B-B974-9763BED70938}" type="pres">
      <dgm:prSet presAssocID="{65811B18-D039-47B1-8DF9-488B6179DEB9}" presName="hierRoot2" presStyleCnt="0">
        <dgm:presLayoutVars>
          <dgm:hierBranch val="init"/>
        </dgm:presLayoutVars>
      </dgm:prSet>
      <dgm:spPr/>
    </dgm:pt>
    <dgm:pt modelId="{7FE8F069-1D6E-490C-B13A-31BF6E5D66F1}" type="pres">
      <dgm:prSet presAssocID="{65811B18-D039-47B1-8DF9-488B6179DEB9}" presName="rootComposite" presStyleCnt="0"/>
      <dgm:spPr/>
    </dgm:pt>
    <dgm:pt modelId="{659CDC0C-4311-4803-816A-EC3E01124E85}" type="pres">
      <dgm:prSet presAssocID="{65811B18-D039-47B1-8DF9-488B6179DEB9}" presName="rootText" presStyleLbl="node3" presStyleIdx="10" presStyleCnt="11" custScaleX="1162439" custScaleY="1191572" custLinFactY="12106" custLinFactNeighborX="-87856" custLinFactNeighborY="100000">
        <dgm:presLayoutVars>
          <dgm:chPref val="3"/>
        </dgm:presLayoutVars>
      </dgm:prSet>
      <dgm:spPr/>
    </dgm:pt>
    <dgm:pt modelId="{7E2CA916-70A7-43E8-ADA5-847422532116}" type="pres">
      <dgm:prSet presAssocID="{65811B18-D039-47B1-8DF9-488B6179DEB9}" presName="rootConnector" presStyleLbl="node3" presStyleIdx="10" presStyleCnt="11"/>
      <dgm:spPr/>
    </dgm:pt>
    <dgm:pt modelId="{5D5B02A2-6FE2-46B3-B87C-D1FF68ABD10F}" type="pres">
      <dgm:prSet presAssocID="{65811B18-D039-47B1-8DF9-488B6179DEB9}" presName="hierChild4" presStyleCnt="0"/>
      <dgm:spPr/>
    </dgm:pt>
    <dgm:pt modelId="{02CD95D5-45BF-4412-8A37-C4CFC202F3A5}" type="pres">
      <dgm:prSet presAssocID="{65811B18-D039-47B1-8DF9-488B6179DEB9}" presName="hierChild5" presStyleCnt="0"/>
      <dgm:spPr/>
    </dgm:pt>
    <dgm:pt modelId="{A7293737-3232-404E-9AC5-77D6E2EDC926}" type="pres">
      <dgm:prSet presAssocID="{3E2449B9-B1EA-4A56-921A-85B91721E4AE}" presName="hierChild5" presStyleCnt="0"/>
      <dgm:spPr/>
    </dgm:pt>
    <dgm:pt modelId="{9D5B98A4-4E53-42F8-BF2F-296B7B773A73}" type="pres">
      <dgm:prSet presAssocID="{3AD524C8-6450-4EDB-A668-14276E2D1A94}" presName="hierChild3" presStyleCnt="0"/>
      <dgm:spPr/>
    </dgm:pt>
  </dgm:ptLst>
  <dgm:cxnLst>
    <dgm:cxn modelId="{CBDAE604-2F2C-4B0A-B446-DDDEF6924C65}" type="presOf" srcId="{6424A5C3-134D-4485-841E-B803E40FB157}" destId="{1ABF5422-AE9D-4DC0-945A-D95A52265B92}" srcOrd="0" destOrd="0" presId="urn:microsoft.com/office/officeart/2005/8/layout/orgChart1"/>
    <dgm:cxn modelId="{D4D93205-336C-44BA-9117-9053D683C359}" type="presOf" srcId="{7A2BE7AC-7838-4E8A-A118-B28DD5A2A225}" destId="{6E56EED1-7C54-454D-A673-53412DD6D943}" srcOrd="0" destOrd="0" presId="urn:microsoft.com/office/officeart/2005/8/layout/orgChart1"/>
    <dgm:cxn modelId="{226BB305-EC70-4054-A4B5-FFF6732B8ECA}" type="presOf" srcId="{324239EE-387B-4205-A28C-FB8A799A896F}" destId="{10E995A9-5F28-4777-96A0-9772BAA3FFA8}" srcOrd="1" destOrd="0" presId="urn:microsoft.com/office/officeart/2005/8/layout/orgChart1"/>
    <dgm:cxn modelId="{A646E408-E934-4D29-AA8C-430EBC30A49A}" type="presOf" srcId="{A30E6A28-DBD8-435F-BF5E-F3B604A5F5A3}" destId="{EBFE9BB6-7DC9-49F7-8096-4C9C19AF3E90}" srcOrd="0" destOrd="0" presId="urn:microsoft.com/office/officeart/2005/8/layout/orgChart1"/>
    <dgm:cxn modelId="{B5AEE609-49AB-4EB6-827A-ADE03B32515A}" type="presOf" srcId="{31BBFF02-81B5-4143-93BD-8B52410468DF}" destId="{C927EB7F-5FD9-49CB-9457-2C7A0109DBFC}" srcOrd="0" destOrd="0" presId="urn:microsoft.com/office/officeart/2005/8/layout/orgChart1"/>
    <dgm:cxn modelId="{BBA9EA0A-D135-4201-8222-B7658F9527D5}" type="presOf" srcId="{C78C2C81-9E4D-474A-8894-C4673D0600C5}" destId="{C714A5B8-31E4-4CF7-87A6-0619D1DE8AF5}" srcOrd="1" destOrd="0" presId="urn:microsoft.com/office/officeart/2005/8/layout/orgChart1"/>
    <dgm:cxn modelId="{53AFCE0D-AA40-44A4-BF64-1AB41B939F7A}" type="presOf" srcId="{1245AE91-2C02-43AF-A35E-BC9EC8237CFB}" destId="{FF075D63-DE8C-45C6-8EF6-DE577ABBEAC5}" srcOrd="1" destOrd="0" presId="urn:microsoft.com/office/officeart/2005/8/layout/orgChart1"/>
    <dgm:cxn modelId="{BE6FFC0E-08F8-46C2-AEA3-E336E80B71C8}" type="presOf" srcId="{D353629C-629A-43E7-8A45-39216B69B3D9}" destId="{4236DE86-32D2-4AF9-B39F-A4894C9C6813}" srcOrd="0" destOrd="0" presId="urn:microsoft.com/office/officeart/2005/8/layout/orgChart1"/>
    <dgm:cxn modelId="{5AA06F13-1595-49F0-8A47-D4127688F4D8}" type="presOf" srcId="{3AC5D040-4812-4ACA-8119-6EF8FE93CC52}" destId="{02F24FDB-03B1-4FBA-8CF6-CB22BE11153F}" srcOrd="0" destOrd="0" presId="urn:microsoft.com/office/officeart/2005/8/layout/orgChart1"/>
    <dgm:cxn modelId="{14C2A019-C28F-4E65-A11D-8E04F988659D}" type="presOf" srcId="{8F7FFF67-2C1D-4F95-9103-32F04305EC25}" destId="{4216A3E2-8844-4D9A-9B4A-7339AAB4BEC8}" srcOrd="0" destOrd="0" presId="urn:microsoft.com/office/officeart/2005/8/layout/orgChart1"/>
    <dgm:cxn modelId="{C1FA161C-F1DB-4D45-B559-D0A8E7176490}" type="presOf" srcId="{3F8445D1-FDBC-4EE1-BE16-F36DD20CA1DF}" destId="{05701534-2BB0-4F02-B1B6-EBE4EB2209D8}" srcOrd="0" destOrd="0" presId="urn:microsoft.com/office/officeart/2005/8/layout/orgChart1"/>
    <dgm:cxn modelId="{8364A520-5AB5-4334-94AD-2CD3ACEB27FC}" srcId="{3AD524C8-6450-4EDB-A668-14276E2D1A94}" destId="{213E6ACA-5522-46BA-A2C9-6DD292D670D8}" srcOrd="1" destOrd="0" parTransId="{945A9356-2F5D-46EC-9E0F-01D28729E1B3}" sibTransId="{9F7E137F-C539-48B6-BD7E-E595F8DC7B68}"/>
    <dgm:cxn modelId="{F64FCE20-C846-438B-B4CA-FEA7A146CDA3}" srcId="{3E2449B9-B1EA-4A56-921A-85B91721E4AE}" destId="{C78C2C81-9E4D-474A-8894-C4673D0600C5}" srcOrd="2" destOrd="0" parTransId="{1E39F574-C292-42A5-A482-A77420F79756}" sibTransId="{77C93775-113E-4C93-B02E-5E2D5301BA52}"/>
    <dgm:cxn modelId="{9B584B26-3099-46B4-BC3B-C87D76A6B9EA}" type="presOf" srcId="{4780B29B-8F31-492B-8157-9812F61F5A8B}" destId="{A27A3E47-133B-4FEF-BA5D-4A57BFDE4A87}" srcOrd="0" destOrd="0" presId="urn:microsoft.com/office/officeart/2005/8/layout/orgChart1"/>
    <dgm:cxn modelId="{E86B332B-C3A5-4251-AEB6-2F9C928C60E5}" type="presOf" srcId="{8F7FFF67-2C1D-4F95-9103-32F04305EC25}" destId="{3B7DB866-4C11-489F-92CC-4ABA18B885D7}" srcOrd="1" destOrd="0" presId="urn:microsoft.com/office/officeart/2005/8/layout/orgChart1"/>
    <dgm:cxn modelId="{1838CD2C-4D76-42BF-B748-CDBBB7FF1D1B}" type="presOf" srcId="{4A85623F-B68B-416E-8C61-5F25F597722F}" destId="{4EE532C1-AE67-45B3-BB31-0C970DA02063}" srcOrd="0" destOrd="0" presId="urn:microsoft.com/office/officeart/2005/8/layout/orgChart1"/>
    <dgm:cxn modelId="{C452112E-8FBD-4743-98A6-B4E5DD71C6C4}" type="presOf" srcId="{3E2449B9-B1EA-4A56-921A-85B91721E4AE}" destId="{B61B9C1F-4971-445B-877C-60CC9FB02830}" srcOrd="0" destOrd="0" presId="urn:microsoft.com/office/officeart/2005/8/layout/orgChart1"/>
    <dgm:cxn modelId="{3BAE5F3C-EF71-4562-AF71-EC9258A4356A}" srcId="{9567D971-7207-40DE-8CE4-A0A20534CBD0}" destId="{3AD524C8-6450-4EDB-A668-14276E2D1A94}" srcOrd="0" destOrd="0" parTransId="{9FE45587-6D36-448F-BC1F-4500CBC0A054}" sibTransId="{24F4F9FD-15D5-4E2F-B5DA-63B50B1F0DD1}"/>
    <dgm:cxn modelId="{B2104D5F-0901-40EF-82BB-5624E3DB5DE0}" type="presOf" srcId="{8965D6A5-A4A0-4D9F-8CEB-EF91768D48D5}" destId="{6F408556-345D-495C-BC70-4FC508BD2E40}" srcOrd="0" destOrd="0" presId="urn:microsoft.com/office/officeart/2005/8/layout/orgChart1"/>
    <dgm:cxn modelId="{4C14C841-DA44-46CA-8214-0868E3A9C3A1}" srcId="{213E6ACA-5522-46BA-A2C9-6DD292D670D8}" destId="{4A85623F-B68B-416E-8C61-5F25F597722F}" srcOrd="2" destOrd="0" parTransId="{6424A5C3-134D-4485-841E-B803E40FB157}" sibTransId="{CE45B0F8-02B7-47FB-8E5C-F069054390B3}"/>
    <dgm:cxn modelId="{07CCFC41-3FE4-4CA9-9E7E-70722A0E9887}" type="presOf" srcId="{65811B18-D039-47B1-8DF9-488B6179DEB9}" destId="{7E2CA916-70A7-43E8-ADA5-847422532116}" srcOrd="1" destOrd="0" presId="urn:microsoft.com/office/officeart/2005/8/layout/orgChart1"/>
    <dgm:cxn modelId="{57052942-5564-470E-824D-9D8FCD72604F}" type="presOf" srcId="{13EBBFC6-55A6-4FEF-BF00-2533489F5D0C}" destId="{D46C2B45-771F-49AC-AB6C-57DDF7F24242}" srcOrd="0" destOrd="0" presId="urn:microsoft.com/office/officeart/2005/8/layout/orgChart1"/>
    <dgm:cxn modelId="{967FA944-19D3-42D1-BCD0-BAE2FF519E84}" srcId="{A30E6A28-DBD8-435F-BF5E-F3B604A5F5A3}" destId="{9DC73ACB-1B5E-41AB-A2AB-EED554D0C5CD}" srcOrd="0" destOrd="0" parTransId="{E9C76725-C2D2-4807-B72E-F0D93216219B}" sibTransId="{9055CCF0-4E4C-4E2C-8372-8EA8D3934503}"/>
    <dgm:cxn modelId="{1F538266-A92C-4C07-8574-82A3EE794820}" type="presOf" srcId="{1245AE91-2C02-43AF-A35E-BC9EC8237CFB}" destId="{49160F5C-762F-4FEC-A3CE-1CF1149FD53C}" srcOrd="0" destOrd="0" presId="urn:microsoft.com/office/officeart/2005/8/layout/orgChart1"/>
    <dgm:cxn modelId="{EF229C47-11EC-4B96-9715-2B16229C022E}" type="presOf" srcId="{1E39F574-C292-42A5-A482-A77420F79756}" destId="{F4AB436E-8760-4363-BD9B-6C4E220880F3}" srcOrd="0" destOrd="0" presId="urn:microsoft.com/office/officeart/2005/8/layout/orgChart1"/>
    <dgm:cxn modelId="{3F84BD49-AEDC-4292-A4EA-E34C3FB0B647}" type="presOf" srcId="{3AC5D040-4812-4ACA-8119-6EF8FE93CC52}" destId="{FB3419FF-FA15-4906-8A0A-7F018F8FA69E}" srcOrd="1" destOrd="0" presId="urn:microsoft.com/office/officeart/2005/8/layout/orgChart1"/>
    <dgm:cxn modelId="{DB2DBB4A-384B-44BA-9B80-8125BA5FC852}" type="presOf" srcId="{D5C54339-418E-4614-A7F9-060A7E25FA5C}" destId="{203EA17E-F6A5-4F85-AEB7-D4BBE8D0BAD3}" srcOrd="0" destOrd="0" presId="urn:microsoft.com/office/officeart/2005/8/layout/orgChart1"/>
    <dgm:cxn modelId="{8B2A324B-CAA3-4742-94CA-62BC7FD49BE2}" type="presOf" srcId="{02558DA0-A385-47FF-95B2-445D5DB3C8D3}" destId="{CE5CC8ED-256E-416C-90C4-9B96397BFCF8}" srcOrd="1" destOrd="0" presId="urn:microsoft.com/office/officeart/2005/8/layout/orgChart1"/>
    <dgm:cxn modelId="{DB8EC96C-7A82-4E51-A4E0-20114428AC19}" type="presOf" srcId="{753BA08F-F460-4B7E-885D-3B9F5A196814}" destId="{3DAEEC5A-0805-45C2-B476-7A44260A07AE}" srcOrd="1" destOrd="0" presId="urn:microsoft.com/office/officeart/2005/8/layout/orgChart1"/>
    <dgm:cxn modelId="{0DF35F6F-44D5-436C-B21F-C0DF9708D4AF}" type="presOf" srcId="{02558DA0-A385-47FF-95B2-445D5DB3C8D3}" destId="{FA4B56D0-270E-4C6A-BD88-5763752E6E90}" srcOrd="0" destOrd="0" presId="urn:microsoft.com/office/officeart/2005/8/layout/orgChart1"/>
    <dgm:cxn modelId="{FFAF0A71-EB66-467B-97C4-B351EE5AE7B5}" type="presOf" srcId="{0140C3A0-931E-40F5-A0C0-9DACC55A6970}" destId="{F68D9649-B6AF-4146-9BBA-6D6BC8CEF4F6}" srcOrd="0" destOrd="0" presId="urn:microsoft.com/office/officeart/2005/8/layout/orgChart1"/>
    <dgm:cxn modelId="{CB092953-2FF0-4F22-9D18-232445C828BC}" type="presOf" srcId="{878574EC-92A2-4DF9-BC10-085C71AD62BE}" destId="{E9401985-6D46-4CBB-89C7-4399E52F34FA}" srcOrd="0" destOrd="0" presId="urn:microsoft.com/office/officeart/2005/8/layout/orgChart1"/>
    <dgm:cxn modelId="{1EB02E79-1695-4BB9-8510-424C487A1186}" type="presOf" srcId="{753BA08F-F460-4B7E-885D-3B9F5A196814}" destId="{009EEA76-70EF-437B-9107-A230677637B7}" srcOrd="0" destOrd="0" presId="urn:microsoft.com/office/officeart/2005/8/layout/orgChart1"/>
    <dgm:cxn modelId="{6D2CAD59-EB14-4958-B66E-1CEDEB9B4C6A}" type="presOf" srcId="{37A3CFE0-3871-4809-AA5C-4476BF7EFF78}" destId="{2AFCACAA-DAF5-4351-BB5D-F7C0480A7BC3}" srcOrd="0" destOrd="0" presId="urn:microsoft.com/office/officeart/2005/8/layout/orgChart1"/>
    <dgm:cxn modelId="{EFE8B07E-FB68-4AB6-B33F-776EC22860DE}" type="presOf" srcId="{9567D971-7207-40DE-8CE4-A0A20534CBD0}" destId="{7E406B4C-EFE1-4EA3-9A8A-11ACEF71E88B}" srcOrd="0" destOrd="0" presId="urn:microsoft.com/office/officeart/2005/8/layout/orgChart1"/>
    <dgm:cxn modelId="{6BD81881-1DA8-4D41-8883-BDA756A1D042}" srcId="{3AD524C8-6450-4EDB-A668-14276E2D1A94}" destId="{37A3CFE0-3871-4809-AA5C-4476BF7EFF78}" srcOrd="3" destOrd="0" parTransId="{0140C3A0-931E-40F5-A0C0-9DACC55A6970}" sibTransId="{C6409F56-DC9E-4A7F-85B9-67A5D434ED27}"/>
    <dgm:cxn modelId="{25185282-B0C9-4E0C-94F0-6DB68E6521E7}" srcId="{37A3CFE0-3871-4809-AA5C-4476BF7EFF78}" destId="{1245AE91-2C02-43AF-A35E-BC9EC8237CFB}" srcOrd="0" destOrd="0" parTransId="{7A2BE7AC-7838-4E8A-A118-B28DD5A2A225}" sibTransId="{D3C35FF4-6686-4AB6-A304-3128A476519E}"/>
    <dgm:cxn modelId="{DB4DB783-2AF6-417E-A82E-7D16903347DE}" srcId="{3AD524C8-6450-4EDB-A668-14276E2D1A94}" destId="{3E2449B9-B1EA-4A56-921A-85B91721E4AE}" srcOrd="4" destOrd="0" parTransId="{31BBFF02-81B5-4143-93BD-8B52410468DF}" sibTransId="{79034042-E6E2-4FB6-A1DC-9F58F54D71A7}"/>
    <dgm:cxn modelId="{4BC07285-0A54-4652-B0A3-C1E2DFC59BFA}" type="presOf" srcId="{3F8445D1-FDBC-4EE1-BE16-F36DD20CA1DF}" destId="{674AC0D6-E16E-437B-BC7F-B000213AE1DA}" srcOrd="1" destOrd="0" presId="urn:microsoft.com/office/officeart/2005/8/layout/orgChart1"/>
    <dgm:cxn modelId="{606D9B89-6A29-43BA-9660-359471E08CA2}" type="presOf" srcId="{9DC73ACB-1B5E-41AB-A2AB-EED554D0C5CD}" destId="{4D36185A-2612-4407-AC11-2F1BD097D464}" srcOrd="0" destOrd="0" presId="urn:microsoft.com/office/officeart/2005/8/layout/orgChart1"/>
    <dgm:cxn modelId="{D154A98A-9819-4B09-9115-877F6F504021}" type="presOf" srcId="{EB86510E-DAF9-4E45-9A41-CE981601015F}" destId="{C5D474CD-A41B-4903-BDCB-58FB7677015D}" srcOrd="1" destOrd="0" presId="urn:microsoft.com/office/officeart/2005/8/layout/orgChart1"/>
    <dgm:cxn modelId="{512CDF8D-A44F-4FCC-902D-62A8E5FE7864}" type="presOf" srcId="{945A9356-2F5D-46EC-9E0F-01D28729E1B3}" destId="{F89153ED-11B2-4317-B977-4DD2CD6DA20A}" srcOrd="0" destOrd="0" presId="urn:microsoft.com/office/officeart/2005/8/layout/orgChart1"/>
    <dgm:cxn modelId="{0A4FF990-3DA6-4601-902A-7A8F372989FE}" type="presOf" srcId="{A30E6A28-DBD8-435F-BF5E-F3B604A5F5A3}" destId="{DCB59C68-5DEB-426C-825D-11686C70C3AF}" srcOrd="1" destOrd="0" presId="urn:microsoft.com/office/officeart/2005/8/layout/orgChart1"/>
    <dgm:cxn modelId="{D2540995-2EFA-4C4B-B146-0BBAF74E28DB}" srcId="{213E6ACA-5522-46BA-A2C9-6DD292D670D8}" destId="{EB86510E-DAF9-4E45-9A41-CE981601015F}" srcOrd="1" destOrd="0" parTransId="{D5C54339-418E-4614-A7F9-060A7E25FA5C}" sibTransId="{F6F7A07E-FEB8-4F55-8E5A-D7B72F7EC154}"/>
    <dgm:cxn modelId="{3BC7099F-1890-4752-A29A-7ECE75F3ACC8}" srcId="{3AD524C8-6450-4EDB-A668-14276E2D1A94}" destId="{753BA08F-F460-4B7E-885D-3B9F5A196814}" srcOrd="2" destOrd="0" parTransId="{C2ED1EC0-8204-4B1C-8008-09C739D39E9B}" sibTransId="{BAA2CE5A-6A03-4864-A81A-2C3D5ACC9328}"/>
    <dgm:cxn modelId="{D161C4A4-D033-4EC2-A433-6ECB079989D3}" type="presOf" srcId="{EB86510E-DAF9-4E45-9A41-CE981601015F}" destId="{BED20F59-80BD-46D0-AF11-A1CF514B37B4}" srcOrd="0" destOrd="0" presId="urn:microsoft.com/office/officeart/2005/8/layout/orgChart1"/>
    <dgm:cxn modelId="{E639AEA8-26E6-4E9B-9EB5-6A8904A863F8}" type="presOf" srcId="{DA61DE62-0777-4178-9599-E51F24B4D657}" destId="{883F1896-4CE2-4FA4-B22A-AAA7C89B3CF2}" srcOrd="0" destOrd="0" presId="urn:microsoft.com/office/officeart/2005/8/layout/orgChart1"/>
    <dgm:cxn modelId="{429967B1-5D32-4BB5-ABA4-E8DC2FD4FC5D}" type="presOf" srcId="{65811B18-D039-47B1-8DF9-488B6179DEB9}" destId="{659CDC0C-4311-4803-816A-EC3E01124E85}" srcOrd="0" destOrd="0" presId="urn:microsoft.com/office/officeart/2005/8/layout/orgChart1"/>
    <dgm:cxn modelId="{5C76EBB1-CCC1-44E4-B1BA-F39E0F9C758B}" srcId="{3E2449B9-B1EA-4A56-921A-85B91721E4AE}" destId="{3F8445D1-FDBC-4EE1-BE16-F36DD20CA1DF}" srcOrd="1" destOrd="0" parTransId="{D353629C-629A-43E7-8A45-39216B69B3D9}" sibTransId="{FADCB989-0E00-4599-8F46-8790A9639053}"/>
    <dgm:cxn modelId="{96562FB3-3CAE-409A-92D7-4E66D40309DB}" srcId="{3E2449B9-B1EA-4A56-921A-85B91721E4AE}" destId="{65811B18-D039-47B1-8DF9-488B6179DEB9}" srcOrd="3" destOrd="0" parTransId="{EB6E27A9-F8D3-4D81-8882-FADB8DA57291}" sibTransId="{104F34DC-2286-4DA9-81AD-C9CC79CF5A7D}"/>
    <dgm:cxn modelId="{2C10A1C7-4082-4703-B80C-3C53C1285072}" type="presOf" srcId="{EB6E27A9-F8D3-4D81-8882-FADB8DA57291}" destId="{75115D98-C27E-42E8-93CE-80F927CBB0D2}" srcOrd="0" destOrd="0" presId="urn:microsoft.com/office/officeart/2005/8/layout/orgChart1"/>
    <dgm:cxn modelId="{279493C8-C1F7-40D0-9973-EFBDF54B30D5}" type="presOf" srcId="{4A85623F-B68B-416E-8C61-5F25F597722F}" destId="{3CC65433-5DFA-4113-91EA-D6CBBFA75214}" srcOrd="1" destOrd="0" presId="urn:microsoft.com/office/officeart/2005/8/layout/orgChart1"/>
    <dgm:cxn modelId="{808193CE-B527-421D-858B-3EBD52170201}" type="presOf" srcId="{C78C2C81-9E4D-474A-8894-C4673D0600C5}" destId="{C08FD8AE-6B77-4AA5-A8CE-F75909E612E8}" srcOrd="0" destOrd="0" presId="urn:microsoft.com/office/officeart/2005/8/layout/orgChart1"/>
    <dgm:cxn modelId="{9A4A93CF-CF4E-4FB0-8FB8-206C7B5CBD4F}" type="presOf" srcId="{324239EE-387B-4205-A28C-FB8A799A896F}" destId="{AAE26F62-BD30-496D-A95A-3E9234865669}" srcOrd="0" destOrd="0" presId="urn:microsoft.com/office/officeart/2005/8/layout/orgChart1"/>
    <dgm:cxn modelId="{8BE806D8-309D-48B6-ACD8-C460F12FA534}" srcId="{3AD524C8-6450-4EDB-A668-14276E2D1A94}" destId="{A30E6A28-DBD8-435F-BF5E-F3B604A5F5A3}" srcOrd="0" destOrd="0" parTransId="{13EBBFC6-55A6-4FEF-BF00-2533489F5D0C}" sibTransId="{15F5780F-C5A7-4B9F-A844-F79BC227DECD}"/>
    <dgm:cxn modelId="{BA357DD8-6C5F-4B33-A9D3-095625B8A9E1}" type="presOf" srcId="{3AD524C8-6450-4EDB-A668-14276E2D1A94}" destId="{9AB81071-09FC-46CF-A3E8-9B49DDCED6B2}" srcOrd="1" destOrd="0" presId="urn:microsoft.com/office/officeart/2005/8/layout/orgChart1"/>
    <dgm:cxn modelId="{08F73FD9-0F84-487C-8BBD-E683BA748FC8}" type="presOf" srcId="{E9C76725-C2D2-4807-B72E-F0D93216219B}" destId="{ECFD745B-E040-42C1-8EC8-31623FC30382}" srcOrd="0" destOrd="0" presId="urn:microsoft.com/office/officeart/2005/8/layout/orgChart1"/>
    <dgm:cxn modelId="{50EF0EDA-39FE-45DB-8072-E813A012B888}" srcId="{213E6ACA-5522-46BA-A2C9-6DD292D670D8}" destId="{02558DA0-A385-47FF-95B2-445D5DB3C8D3}" srcOrd="0" destOrd="0" parTransId="{4780B29B-8F31-492B-8157-9812F61F5A8B}" sibTransId="{809837B1-3642-4303-B85E-4B8F1992A6C0}"/>
    <dgm:cxn modelId="{30721ADA-3645-44F1-964F-A68C0EF27429}" type="presOf" srcId="{C2ED1EC0-8204-4B1C-8008-09C739D39E9B}" destId="{04915DA5-DB16-4D8F-A509-1B3FA1697795}" srcOrd="0" destOrd="0" presId="urn:microsoft.com/office/officeart/2005/8/layout/orgChart1"/>
    <dgm:cxn modelId="{127D27DA-01EC-41E2-9171-64F6C6BC0158}" type="presOf" srcId="{3E2449B9-B1EA-4A56-921A-85B91721E4AE}" destId="{21DB4E5B-E0AF-4FF4-8DE9-27A3396A82DC}" srcOrd="1" destOrd="0" presId="urn:microsoft.com/office/officeart/2005/8/layout/orgChart1"/>
    <dgm:cxn modelId="{C32886DA-46D4-4E07-9419-0E049DF0CB67}" type="presOf" srcId="{213E6ACA-5522-46BA-A2C9-6DD292D670D8}" destId="{BC91518D-60BA-4F75-B5F5-E4EAFEE6E54B}" srcOrd="1" destOrd="0" presId="urn:microsoft.com/office/officeart/2005/8/layout/orgChart1"/>
    <dgm:cxn modelId="{777B1BDE-AA85-4133-9BCD-72C73520D444}" type="presOf" srcId="{9DC73ACB-1B5E-41AB-A2AB-EED554D0C5CD}" destId="{C045BA59-4B47-4C1B-8B09-077B278861CC}" srcOrd="1" destOrd="0" presId="urn:microsoft.com/office/officeart/2005/8/layout/orgChart1"/>
    <dgm:cxn modelId="{B46696E1-08A7-4120-B755-881FC41CB1C7}" srcId="{753BA08F-F460-4B7E-885D-3B9F5A196814}" destId="{8F7FFF67-2C1D-4F95-9103-32F04305EC25}" srcOrd="0" destOrd="0" parTransId="{878574EC-92A2-4DF9-BC10-085C71AD62BE}" sibTransId="{88B5870A-0CCE-42BC-8C2C-1CDCB4AE8D43}"/>
    <dgm:cxn modelId="{A5E182EC-47FF-4E4D-8E48-60E33FA640F5}" type="presOf" srcId="{213E6ACA-5522-46BA-A2C9-6DD292D670D8}" destId="{423DC57F-B4C7-4D1F-AC24-A23D3924EF1F}" srcOrd="0" destOrd="0" presId="urn:microsoft.com/office/officeart/2005/8/layout/orgChart1"/>
    <dgm:cxn modelId="{810B4AEE-0F50-4165-AD7A-CF9E962194EF}" type="presOf" srcId="{37A3CFE0-3871-4809-AA5C-4476BF7EFF78}" destId="{3E3EAE73-9A00-4C1D-831F-DCB331C0BAB7}" srcOrd="1" destOrd="0" presId="urn:microsoft.com/office/officeart/2005/8/layout/orgChart1"/>
    <dgm:cxn modelId="{430686F4-79D4-4EC0-A131-1A6DC473EDB1}" srcId="{213E6ACA-5522-46BA-A2C9-6DD292D670D8}" destId="{324239EE-387B-4205-A28C-FB8A799A896F}" srcOrd="3" destOrd="0" parTransId="{8965D6A5-A4A0-4D9F-8CEB-EF91768D48D5}" sibTransId="{C5A8BC2D-6C1A-416B-A11A-C2F1C99820E9}"/>
    <dgm:cxn modelId="{68F92BF7-8FF3-410D-A82B-5C9F95C862EB}" srcId="{3E2449B9-B1EA-4A56-921A-85B91721E4AE}" destId="{3AC5D040-4812-4ACA-8119-6EF8FE93CC52}" srcOrd="0" destOrd="0" parTransId="{DA61DE62-0777-4178-9599-E51F24B4D657}" sibTransId="{1C3B3AC9-2F24-4166-A9BE-056927204977}"/>
    <dgm:cxn modelId="{D6674CFC-9DF4-4865-8EA8-3076973DA3B6}" type="presOf" srcId="{3AD524C8-6450-4EDB-A668-14276E2D1A94}" destId="{00615CC6-6D4E-40D7-A020-35272EC73FB2}" srcOrd="0" destOrd="0" presId="urn:microsoft.com/office/officeart/2005/8/layout/orgChart1"/>
    <dgm:cxn modelId="{A57B196D-E84B-4D2C-8A8C-006D7A3103A6}" type="presParOf" srcId="{7E406B4C-EFE1-4EA3-9A8A-11ACEF71E88B}" destId="{85A52D97-A999-4309-877F-3D56949AF848}" srcOrd="0" destOrd="0" presId="urn:microsoft.com/office/officeart/2005/8/layout/orgChart1"/>
    <dgm:cxn modelId="{6513B27E-6ACE-419A-A64D-BF744307759E}" type="presParOf" srcId="{85A52D97-A999-4309-877F-3D56949AF848}" destId="{CA44F701-4729-48FD-A926-BEEC8D779C6C}" srcOrd="0" destOrd="0" presId="urn:microsoft.com/office/officeart/2005/8/layout/orgChart1"/>
    <dgm:cxn modelId="{398B2AC5-A406-468D-AB85-D8187DF198D0}" type="presParOf" srcId="{CA44F701-4729-48FD-A926-BEEC8D779C6C}" destId="{00615CC6-6D4E-40D7-A020-35272EC73FB2}" srcOrd="0" destOrd="0" presId="urn:microsoft.com/office/officeart/2005/8/layout/orgChart1"/>
    <dgm:cxn modelId="{315EB61A-DA96-469F-A3D0-D6B812B93DA2}" type="presParOf" srcId="{CA44F701-4729-48FD-A926-BEEC8D779C6C}" destId="{9AB81071-09FC-46CF-A3E8-9B49DDCED6B2}" srcOrd="1" destOrd="0" presId="urn:microsoft.com/office/officeart/2005/8/layout/orgChart1"/>
    <dgm:cxn modelId="{D5CA4416-8C22-4144-83E9-FD0023B471BC}" type="presParOf" srcId="{85A52D97-A999-4309-877F-3D56949AF848}" destId="{06104315-141A-4446-8E3E-3FFA2E38EA4A}" srcOrd="1" destOrd="0" presId="urn:microsoft.com/office/officeart/2005/8/layout/orgChart1"/>
    <dgm:cxn modelId="{C5F925F0-89AB-4CF5-AE9F-8C0D1572FC29}" type="presParOf" srcId="{06104315-141A-4446-8E3E-3FFA2E38EA4A}" destId="{D46C2B45-771F-49AC-AB6C-57DDF7F24242}" srcOrd="0" destOrd="0" presId="urn:microsoft.com/office/officeart/2005/8/layout/orgChart1"/>
    <dgm:cxn modelId="{EF293AF7-A871-4DCB-9B3F-6B2B34AE9ACC}" type="presParOf" srcId="{06104315-141A-4446-8E3E-3FFA2E38EA4A}" destId="{F1BEEBDF-AA59-47D5-8809-E05C0F31C61E}" srcOrd="1" destOrd="0" presId="urn:microsoft.com/office/officeart/2005/8/layout/orgChart1"/>
    <dgm:cxn modelId="{3274E0D7-8AAF-4442-A52D-5C7EEEB204D2}" type="presParOf" srcId="{F1BEEBDF-AA59-47D5-8809-E05C0F31C61E}" destId="{CB501DB2-B7B9-4613-850A-5C2E6358419B}" srcOrd="0" destOrd="0" presId="urn:microsoft.com/office/officeart/2005/8/layout/orgChart1"/>
    <dgm:cxn modelId="{C01669FB-B7AC-47D7-99B8-726BBD82DB8F}" type="presParOf" srcId="{CB501DB2-B7B9-4613-850A-5C2E6358419B}" destId="{EBFE9BB6-7DC9-49F7-8096-4C9C19AF3E90}" srcOrd="0" destOrd="0" presId="urn:microsoft.com/office/officeart/2005/8/layout/orgChart1"/>
    <dgm:cxn modelId="{3255626D-DF91-4483-8015-DB1FEF5EDBEB}" type="presParOf" srcId="{CB501DB2-B7B9-4613-850A-5C2E6358419B}" destId="{DCB59C68-5DEB-426C-825D-11686C70C3AF}" srcOrd="1" destOrd="0" presId="urn:microsoft.com/office/officeart/2005/8/layout/orgChart1"/>
    <dgm:cxn modelId="{79FB89FB-FC69-4E69-B7F7-27FDE7494AD3}" type="presParOf" srcId="{F1BEEBDF-AA59-47D5-8809-E05C0F31C61E}" destId="{B11D486A-F326-463C-BB28-B4E64E22D8F6}" srcOrd="1" destOrd="0" presId="urn:microsoft.com/office/officeart/2005/8/layout/orgChart1"/>
    <dgm:cxn modelId="{A5247A54-9979-4574-8DEA-46140A0DCC82}" type="presParOf" srcId="{B11D486A-F326-463C-BB28-B4E64E22D8F6}" destId="{ECFD745B-E040-42C1-8EC8-31623FC30382}" srcOrd="0" destOrd="0" presId="urn:microsoft.com/office/officeart/2005/8/layout/orgChart1"/>
    <dgm:cxn modelId="{5257C344-0615-4488-AEC2-C5262626BF27}" type="presParOf" srcId="{B11D486A-F326-463C-BB28-B4E64E22D8F6}" destId="{1E0F2D91-A697-4CF4-8232-E5B677CF4FB9}" srcOrd="1" destOrd="0" presId="urn:microsoft.com/office/officeart/2005/8/layout/orgChart1"/>
    <dgm:cxn modelId="{777EE31C-CFD2-45B4-A0B1-52D180F7FD52}" type="presParOf" srcId="{1E0F2D91-A697-4CF4-8232-E5B677CF4FB9}" destId="{37E60A72-DF37-42F6-BDAA-31830C86079A}" srcOrd="0" destOrd="0" presId="urn:microsoft.com/office/officeart/2005/8/layout/orgChart1"/>
    <dgm:cxn modelId="{23CAED6F-765B-4DB6-A2A8-8A71A16D89F0}" type="presParOf" srcId="{37E60A72-DF37-42F6-BDAA-31830C86079A}" destId="{4D36185A-2612-4407-AC11-2F1BD097D464}" srcOrd="0" destOrd="0" presId="urn:microsoft.com/office/officeart/2005/8/layout/orgChart1"/>
    <dgm:cxn modelId="{C4764EA5-4352-4905-B6D9-4448D1B73D0B}" type="presParOf" srcId="{37E60A72-DF37-42F6-BDAA-31830C86079A}" destId="{C045BA59-4B47-4C1B-8B09-077B278861CC}" srcOrd="1" destOrd="0" presId="urn:microsoft.com/office/officeart/2005/8/layout/orgChart1"/>
    <dgm:cxn modelId="{085C75B5-EBE3-48C2-B9C9-A36CF4E8F5C5}" type="presParOf" srcId="{1E0F2D91-A697-4CF4-8232-E5B677CF4FB9}" destId="{65B3874C-62BB-4EBF-A6AC-70B18B336CA9}" srcOrd="1" destOrd="0" presId="urn:microsoft.com/office/officeart/2005/8/layout/orgChart1"/>
    <dgm:cxn modelId="{3729FC88-B0D7-407D-A0CB-6A4C59E5D7A9}" type="presParOf" srcId="{1E0F2D91-A697-4CF4-8232-E5B677CF4FB9}" destId="{64EE10FC-905A-4D33-B30E-FE6BD7DCBB9D}" srcOrd="2" destOrd="0" presId="urn:microsoft.com/office/officeart/2005/8/layout/orgChart1"/>
    <dgm:cxn modelId="{ECE12CA9-9EF8-4EFD-AF83-914F55264922}" type="presParOf" srcId="{F1BEEBDF-AA59-47D5-8809-E05C0F31C61E}" destId="{8733747A-9065-4E50-A244-9F6E801145AB}" srcOrd="2" destOrd="0" presId="urn:microsoft.com/office/officeart/2005/8/layout/orgChart1"/>
    <dgm:cxn modelId="{7135A7A6-33E3-420B-88AF-E8203BF2E8BC}" type="presParOf" srcId="{06104315-141A-4446-8E3E-3FFA2E38EA4A}" destId="{F89153ED-11B2-4317-B977-4DD2CD6DA20A}" srcOrd="2" destOrd="0" presId="urn:microsoft.com/office/officeart/2005/8/layout/orgChart1"/>
    <dgm:cxn modelId="{91D295AF-9C92-473D-B7C4-8E17E12F0515}" type="presParOf" srcId="{06104315-141A-4446-8E3E-3FFA2E38EA4A}" destId="{F47BF17D-65F1-4E2B-BEE4-36F8ADB51D5C}" srcOrd="3" destOrd="0" presId="urn:microsoft.com/office/officeart/2005/8/layout/orgChart1"/>
    <dgm:cxn modelId="{C2DA71B8-D8F4-41A2-80B4-4F5E3214D2B8}" type="presParOf" srcId="{F47BF17D-65F1-4E2B-BEE4-36F8ADB51D5C}" destId="{BC2844AB-FA03-49B7-923C-07F794E1B1A5}" srcOrd="0" destOrd="0" presId="urn:microsoft.com/office/officeart/2005/8/layout/orgChart1"/>
    <dgm:cxn modelId="{36E159E4-5E83-4290-84A7-61D0A91C6A32}" type="presParOf" srcId="{BC2844AB-FA03-49B7-923C-07F794E1B1A5}" destId="{423DC57F-B4C7-4D1F-AC24-A23D3924EF1F}" srcOrd="0" destOrd="0" presId="urn:microsoft.com/office/officeart/2005/8/layout/orgChart1"/>
    <dgm:cxn modelId="{412F3B64-03C7-499C-B77A-EE92134B6254}" type="presParOf" srcId="{BC2844AB-FA03-49B7-923C-07F794E1B1A5}" destId="{BC91518D-60BA-4F75-B5F5-E4EAFEE6E54B}" srcOrd="1" destOrd="0" presId="urn:microsoft.com/office/officeart/2005/8/layout/orgChart1"/>
    <dgm:cxn modelId="{11BE470A-93E9-44B5-9433-ACDB676E6C80}" type="presParOf" srcId="{F47BF17D-65F1-4E2B-BEE4-36F8ADB51D5C}" destId="{62AABFF1-ADEC-42AF-8699-A812ABD39AB4}" srcOrd="1" destOrd="0" presId="urn:microsoft.com/office/officeart/2005/8/layout/orgChart1"/>
    <dgm:cxn modelId="{45E7431A-4228-4252-B2DD-BBB5620C613E}" type="presParOf" srcId="{62AABFF1-ADEC-42AF-8699-A812ABD39AB4}" destId="{A27A3E47-133B-4FEF-BA5D-4A57BFDE4A87}" srcOrd="0" destOrd="0" presId="urn:microsoft.com/office/officeart/2005/8/layout/orgChart1"/>
    <dgm:cxn modelId="{31A7B2D1-3B6A-4861-8169-1F4C5958DA46}" type="presParOf" srcId="{62AABFF1-ADEC-42AF-8699-A812ABD39AB4}" destId="{5C9D00F2-01D5-4FE9-B9CB-E5E936053131}" srcOrd="1" destOrd="0" presId="urn:microsoft.com/office/officeart/2005/8/layout/orgChart1"/>
    <dgm:cxn modelId="{90163998-5023-455C-9E5D-776F31E0B58E}" type="presParOf" srcId="{5C9D00F2-01D5-4FE9-B9CB-E5E936053131}" destId="{E25A48E9-2043-4286-9A7E-DF1FDC1C5ED1}" srcOrd="0" destOrd="0" presId="urn:microsoft.com/office/officeart/2005/8/layout/orgChart1"/>
    <dgm:cxn modelId="{8CDD004D-C928-4089-9797-595E686BA34E}" type="presParOf" srcId="{E25A48E9-2043-4286-9A7E-DF1FDC1C5ED1}" destId="{FA4B56D0-270E-4C6A-BD88-5763752E6E90}" srcOrd="0" destOrd="0" presId="urn:microsoft.com/office/officeart/2005/8/layout/orgChart1"/>
    <dgm:cxn modelId="{E73B606A-D5D6-457C-ABE9-9DBB190A7619}" type="presParOf" srcId="{E25A48E9-2043-4286-9A7E-DF1FDC1C5ED1}" destId="{CE5CC8ED-256E-416C-90C4-9B96397BFCF8}" srcOrd="1" destOrd="0" presId="urn:microsoft.com/office/officeart/2005/8/layout/orgChart1"/>
    <dgm:cxn modelId="{1F0D2913-6F39-411C-8300-FEB92297E48F}" type="presParOf" srcId="{5C9D00F2-01D5-4FE9-B9CB-E5E936053131}" destId="{2F59A880-C8EF-4EB0-B91F-FF117EBD639F}" srcOrd="1" destOrd="0" presId="urn:microsoft.com/office/officeart/2005/8/layout/orgChart1"/>
    <dgm:cxn modelId="{4F37F93D-F29D-43C5-B0E6-A740711B14C6}" type="presParOf" srcId="{5C9D00F2-01D5-4FE9-B9CB-E5E936053131}" destId="{10815D73-CA4C-4B7B-96BC-33AE8EBCEB49}" srcOrd="2" destOrd="0" presId="urn:microsoft.com/office/officeart/2005/8/layout/orgChart1"/>
    <dgm:cxn modelId="{6F316822-786D-4CC3-BA3C-42D30B256CD4}" type="presParOf" srcId="{62AABFF1-ADEC-42AF-8699-A812ABD39AB4}" destId="{203EA17E-F6A5-4F85-AEB7-D4BBE8D0BAD3}" srcOrd="2" destOrd="0" presId="urn:microsoft.com/office/officeart/2005/8/layout/orgChart1"/>
    <dgm:cxn modelId="{1604638D-BB78-4461-A0C8-DC0B13104CF0}" type="presParOf" srcId="{62AABFF1-ADEC-42AF-8699-A812ABD39AB4}" destId="{1B7F9888-A343-4AB9-9574-E7FF9CC0899E}" srcOrd="3" destOrd="0" presId="urn:microsoft.com/office/officeart/2005/8/layout/orgChart1"/>
    <dgm:cxn modelId="{E881129F-88B6-4589-8861-9B5E7E76B7F3}" type="presParOf" srcId="{1B7F9888-A343-4AB9-9574-E7FF9CC0899E}" destId="{B8EBBFD8-954A-472E-B01E-3C071F4AF816}" srcOrd="0" destOrd="0" presId="urn:microsoft.com/office/officeart/2005/8/layout/orgChart1"/>
    <dgm:cxn modelId="{B502FD0F-EC4F-45F7-B07A-40CE89C8B0F8}" type="presParOf" srcId="{B8EBBFD8-954A-472E-B01E-3C071F4AF816}" destId="{BED20F59-80BD-46D0-AF11-A1CF514B37B4}" srcOrd="0" destOrd="0" presId="urn:microsoft.com/office/officeart/2005/8/layout/orgChart1"/>
    <dgm:cxn modelId="{3C2B1D37-618A-4D1A-B5FB-4F3E6BD6B699}" type="presParOf" srcId="{B8EBBFD8-954A-472E-B01E-3C071F4AF816}" destId="{C5D474CD-A41B-4903-BDCB-58FB7677015D}" srcOrd="1" destOrd="0" presId="urn:microsoft.com/office/officeart/2005/8/layout/orgChart1"/>
    <dgm:cxn modelId="{7E44D187-7D30-4687-921B-812D76FB0B67}" type="presParOf" srcId="{1B7F9888-A343-4AB9-9574-E7FF9CC0899E}" destId="{B63C1D43-9808-4D05-85BB-BFCDE64EEEF4}" srcOrd="1" destOrd="0" presId="urn:microsoft.com/office/officeart/2005/8/layout/orgChart1"/>
    <dgm:cxn modelId="{5ABC7A2D-A2A5-49A9-B5F9-331ED7D9D70F}" type="presParOf" srcId="{1B7F9888-A343-4AB9-9574-E7FF9CC0899E}" destId="{AC3000F2-852A-4B36-92EE-51F3935A2E80}" srcOrd="2" destOrd="0" presId="urn:microsoft.com/office/officeart/2005/8/layout/orgChart1"/>
    <dgm:cxn modelId="{19C275BA-C5B7-47FB-BF0C-7D663605E732}" type="presParOf" srcId="{62AABFF1-ADEC-42AF-8699-A812ABD39AB4}" destId="{1ABF5422-AE9D-4DC0-945A-D95A52265B92}" srcOrd="4" destOrd="0" presId="urn:microsoft.com/office/officeart/2005/8/layout/orgChart1"/>
    <dgm:cxn modelId="{848AEC38-418B-4D40-8811-E2BB4756AA0D}" type="presParOf" srcId="{62AABFF1-ADEC-42AF-8699-A812ABD39AB4}" destId="{773DBC1B-EAB1-458B-9A9D-DCA30385E168}" srcOrd="5" destOrd="0" presId="urn:microsoft.com/office/officeart/2005/8/layout/orgChart1"/>
    <dgm:cxn modelId="{8BB5B099-AD9B-4B59-BE00-DC87C8E02511}" type="presParOf" srcId="{773DBC1B-EAB1-458B-9A9D-DCA30385E168}" destId="{B007B021-25D0-44C8-BA0B-FE46648C5173}" srcOrd="0" destOrd="0" presId="urn:microsoft.com/office/officeart/2005/8/layout/orgChart1"/>
    <dgm:cxn modelId="{61E88EBF-FB0C-479D-BDE3-49D30B65FDC9}" type="presParOf" srcId="{B007B021-25D0-44C8-BA0B-FE46648C5173}" destId="{4EE532C1-AE67-45B3-BB31-0C970DA02063}" srcOrd="0" destOrd="0" presId="urn:microsoft.com/office/officeart/2005/8/layout/orgChart1"/>
    <dgm:cxn modelId="{33BFA1C3-7659-4311-BD87-B6A23356F1EF}" type="presParOf" srcId="{B007B021-25D0-44C8-BA0B-FE46648C5173}" destId="{3CC65433-5DFA-4113-91EA-D6CBBFA75214}" srcOrd="1" destOrd="0" presId="urn:microsoft.com/office/officeart/2005/8/layout/orgChart1"/>
    <dgm:cxn modelId="{78E488D9-E246-436A-9F0C-D11CC9D7FD38}" type="presParOf" srcId="{773DBC1B-EAB1-458B-9A9D-DCA30385E168}" destId="{1EF8FEE6-9BAC-440A-B5E3-9C3B36A79E4B}" srcOrd="1" destOrd="0" presId="urn:microsoft.com/office/officeart/2005/8/layout/orgChart1"/>
    <dgm:cxn modelId="{36501F1C-C13A-45B4-A96A-F3798D8FF219}" type="presParOf" srcId="{773DBC1B-EAB1-458B-9A9D-DCA30385E168}" destId="{9875A6EA-6BE1-4A62-BADC-8C1E68F65170}" srcOrd="2" destOrd="0" presId="urn:microsoft.com/office/officeart/2005/8/layout/orgChart1"/>
    <dgm:cxn modelId="{5B06B9EA-58FD-42A4-95D8-D3A76BE0AAA2}" type="presParOf" srcId="{62AABFF1-ADEC-42AF-8699-A812ABD39AB4}" destId="{6F408556-345D-495C-BC70-4FC508BD2E40}" srcOrd="6" destOrd="0" presId="urn:microsoft.com/office/officeart/2005/8/layout/orgChart1"/>
    <dgm:cxn modelId="{7E20E170-ED2A-45A2-9B6D-A8FA1033D162}" type="presParOf" srcId="{62AABFF1-ADEC-42AF-8699-A812ABD39AB4}" destId="{D5140497-5682-4EB7-879F-5F5E7FBCAE78}" srcOrd="7" destOrd="0" presId="urn:microsoft.com/office/officeart/2005/8/layout/orgChart1"/>
    <dgm:cxn modelId="{6A6F808F-B8EE-48F8-858F-FF9E8BF1AA2C}" type="presParOf" srcId="{D5140497-5682-4EB7-879F-5F5E7FBCAE78}" destId="{E07F7329-BEEC-48BD-8E40-CE70318BC24A}" srcOrd="0" destOrd="0" presId="urn:microsoft.com/office/officeart/2005/8/layout/orgChart1"/>
    <dgm:cxn modelId="{23BE4ACF-E390-4731-885C-09954B44218F}" type="presParOf" srcId="{E07F7329-BEEC-48BD-8E40-CE70318BC24A}" destId="{AAE26F62-BD30-496D-A95A-3E9234865669}" srcOrd="0" destOrd="0" presId="urn:microsoft.com/office/officeart/2005/8/layout/orgChart1"/>
    <dgm:cxn modelId="{F8687FC7-4931-4C56-8397-C1FD54AE786F}" type="presParOf" srcId="{E07F7329-BEEC-48BD-8E40-CE70318BC24A}" destId="{10E995A9-5F28-4777-96A0-9772BAA3FFA8}" srcOrd="1" destOrd="0" presId="urn:microsoft.com/office/officeart/2005/8/layout/orgChart1"/>
    <dgm:cxn modelId="{7A528636-ABAB-489E-9CF6-483F42D97D36}" type="presParOf" srcId="{D5140497-5682-4EB7-879F-5F5E7FBCAE78}" destId="{411139DA-2F1C-4857-8C11-EF90AF40F01C}" srcOrd="1" destOrd="0" presId="urn:microsoft.com/office/officeart/2005/8/layout/orgChart1"/>
    <dgm:cxn modelId="{392B1429-B603-4817-8CFA-9D8FC300563A}" type="presParOf" srcId="{D5140497-5682-4EB7-879F-5F5E7FBCAE78}" destId="{1AAFD50D-6C94-4363-AFAB-FF654FFE63A2}" srcOrd="2" destOrd="0" presId="urn:microsoft.com/office/officeart/2005/8/layout/orgChart1"/>
    <dgm:cxn modelId="{EDD55A5F-A75B-42D8-9719-04B973761D44}" type="presParOf" srcId="{F47BF17D-65F1-4E2B-BEE4-36F8ADB51D5C}" destId="{175AAA74-2E11-4247-BCF0-0257C486333A}" srcOrd="2" destOrd="0" presId="urn:microsoft.com/office/officeart/2005/8/layout/orgChart1"/>
    <dgm:cxn modelId="{40F88E50-DF82-479E-9FD0-94C4FD78C20B}" type="presParOf" srcId="{06104315-141A-4446-8E3E-3FFA2E38EA4A}" destId="{04915DA5-DB16-4D8F-A509-1B3FA1697795}" srcOrd="4" destOrd="0" presId="urn:microsoft.com/office/officeart/2005/8/layout/orgChart1"/>
    <dgm:cxn modelId="{7AE1D310-1A67-4CA0-A518-79D23E3FB5FC}" type="presParOf" srcId="{06104315-141A-4446-8E3E-3FFA2E38EA4A}" destId="{097C36C2-3EF7-4D3C-86D4-F7639EA5C9F2}" srcOrd="5" destOrd="0" presId="urn:microsoft.com/office/officeart/2005/8/layout/orgChart1"/>
    <dgm:cxn modelId="{D86EAB7A-3468-4C43-81A4-4B68F11676E0}" type="presParOf" srcId="{097C36C2-3EF7-4D3C-86D4-F7639EA5C9F2}" destId="{E329132D-1072-4761-AF45-82EEF00D3967}" srcOrd="0" destOrd="0" presId="urn:microsoft.com/office/officeart/2005/8/layout/orgChart1"/>
    <dgm:cxn modelId="{0DE05E8E-9D16-4B83-A64C-B27DF5178915}" type="presParOf" srcId="{E329132D-1072-4761-AF45-82EEF00D3967}" destId="{009EEA76-70EF-437B-9107-A230677637B7}" srcOrd="0" destOrd="0" presId="urn:microsoft.com/office/officeart/2005/8/layout/orgChart1"/>
    <dgm:cxn modelId="{182B892F-D238-49FE-84E8-2139117D8690}" type="presParOf" srcId="{E329132D-1072-4761-AF45-82EEF00D3967}" destId="{3DAEEC5A-0805-45C2-B476-7A44260A07AE}" srcOrd="1" destOrd="0" presId="urn:microsoft.com/office/officeart/2005/8/layout/orgChart1"/>
    <dgm:cxn modelId="{8BEA9296-ABEE-4FA8-9887-BBCCD1BD862E}" type="presParOf" srcId="{097C36C2-3EF7-4D3C-86D4-F7639EA5C9F2}" destId="{32C548F8-055E-40DB-807B-1FB767B256A8}" srcOrd="1" destOrd="0" presId="urn:microsoft.com/office/officeart/2005/8/layout/orgChart1"/>
    <dgm:cxn modelId="{289F0308-FCFF-4394-A6DE-4252AAD696F7}" type="presParOf" srcId="{32C548F8-055E-40DB-807B-1FB767B256A8}" destId="{E9401985-6D46-4CBB-89C7-4399E52F34FA}" srcOrd="0" destOrd="0" presId="urn:microsoft.com/office/officeart/2005/8/layout/orgChart1"/>
    <dgm:cxn modelId="{F4600A85-1E42-488B-AC9B-59100E342C67}" type="presParOf" srcId="{32C548F8-055E-40DB-807B-1FB767B256A8}" destId="{ED5030A2-EE8F-4ED5-A3BF-72600ED33EB1}" srcOrd="1" destOrd="0" presId="urn:microsoft.com/office/officeart/2005/8/layout/orgChart1"/>
    <dgm:cxn modelId="{3602B155-4A73-4605-9799-D1FFF018A682}" type="presParOf" srcId="{ED5030A2-EE8F-4ED5-A3BF-72600ED33EB1}" destId="{4AFE5903-9C01-4CAA-82A5-DA647EF3D60B}" srcOrd="0" destOrd="0" presId="urn:microsoft.com/office/officeart/2005/8/layout/orgChart1"/>
    <dgm:cxn modelId="{95E7F744-6106-484B-9E1D-4C27BF5246A8}" type="presParOf" srcId="{4AFE5903-9C01-4CAA-82A5-DA647EF3D60B}" destId="{4216A3E2-8844-4D9A-9B4A-7339AAB4BEC8}" srcOrd="0" destOrd="0" presId="urn:microsoft.com/office/officeart/2005/8/layout/orgChart1"/>
    <dgm:cxn modelId="{BDF30804-ADDA-40EF-90C1-3DB54BE1DF07}" type="presParOf" srcId="{4AFE5903-9C01-4CAA-82A5-DA647EF3D60B}" destId="{3B7DB866-4C11-489F-92CC-4ABA18B885D7}" srcOrd="1" destOrd="0" presId="urn:microsoft.com/office/officeart/2005/8/layout/orgChart1"/>
    <dgm:cxn modelId="{0825331B-A403-48A0-8896-E41EF87E4584}" type="presParOf" srcId="{ED5030A2-EE8F-4ED5-A3BF-72600ED33EB1}" destId="{DA31145E-7D11-45BE-B1CA-D25E5D07C18B}" srcOrd="1" destOrd="0" presId="urn:microsoft.com/office/officeart/2005/8/layout/orgChart1"/>
    <dgm:cxn modelId="{92F00323-3EB2-45B7-8155-27A85B279108}" type="presParOf" srcId="{ED5030A2-EE8F-4ED5-A3BF-72600ED33EB1}" destId="{0BC9846D-A167-4255-A115-871C5AD6DDD7}" srcOrd="2" destOrd="0" presId="urn:microsoft.com/office/officeart/2005/8/layout/orgChart1"/>
    <dgm:cxn modelId="{1E956802-0675-4EAE-9212-1962D5ED225D}" type="presParOf" srcId="{097C36C2-3EF7-4D3C-86D4-F7639EA5C9F2}" destId="{607C536A-D228-4E5A-8101-6C78DCC70E11}" srcOrd="2" destOrd="0" presId="urn:microsoft.com/office/officeart/2005/8/layout/orgChart1"/>
    <dgm:cxn modelId="{69A7D339-4110-4C96-A7BF-812F1EECDAD1}" type="presParOf" srcId="{06104315-141A-4446-8E3E-3FFA2E38EA4A}" destId="{F68D9649-B6AF-4146-9BBA-6D6BC8CEF4F6}" srcOrd="6" destOrd="0" presId="urn:microsoft.com/office/officeart/2005/8/layout/orgChart1"/>
    <dgm:cxn modelId="{5338E95D-AC29-4C3D-AB12-978A2A4281D0}" type="presParOf" srcId="{06104315-141A-4446-8E3E-3FFA2E38EA4A}" destId="{9946A06D-411B-4108-9127-44A0BF85D8A9}" srcOrd="7" destOrd="0" presId="urn:microsoft.com/office/officeart/2005/8/layout/orgChart1"/>
    <dgm:cxn modelId="{35B860E3-3BEA-4895-8B73-F1A865F51A04}" type="presParOf" srcId="{9946A06D-411B-4108-9127-44A0BF85D8A9}" destId="{89FA74DB-5965-4821-B6E8-52F2A905C707}" srcOrd="0" destOrd="0" presId="urn:microsoft.com/office/officeart/2005/8/layout/orgChart1"/>
    <dgm:cxn modelId="{0558EC93-9940-4601-963B-7A1D732AB18E}" type="presParOf" srcId="{89FA74DB-5965-4821-B6E8-52F2A905C707}" destId="{2AFCACAA-DAF5-4351-BB5D-F7C0480A7BC3}" srcOrd="0" destOrd="0" presId="urn:microsoft.com/office/officeart/2005/8/layout/orgChart1"/>
    <dgm:cxn modelId="{0DDACDEE-C202-48C5-B0E6-EE2DCE31BC5E}" type="presParOf" srcId="{89FA74DB-5965-4821-B6E8-52F2A905C707}" destId="{3E3EAE73-9A00-4C1D-831F-DCB331C0BAB7}" srcOrd="1" destOrd="0" presId="urn:microsoft.com/office/officeart/2005/8/layout/orgChart1"/>
    <dgm:cxn modelId="{52C55A8B-9663-4064-99ED-8F5D9333B4F9}" type="presParOf" srcId="{9946A06D-411B-4108-9127-44A0BF85D8A9}" destId="{3A2A4EBF-38F8-41DF-9E89-C2216AAD0C89}" srcOrd="1" destOrd="0" presId="urn:microsoft.com/office/officeart/2005/8/layout/orgChart1"/>
    <dgm:cxn modelId="{6A7EFF39-F56D-4B35-9A3E-F102605E2051}" type="presParOf" srcId="{3A2A4EBF-38F8-41DF-9E89-C2216AAD0C89}" destId="{6E56EED1-7C54-454D-A673-53412DD6D943}" srcOrd="0" destOrd="0" presId="urn:microsoft.com/office/officeart/2005/8/layout/orgChart1"/>
    <dgm:cxn modelId="{417D5AFA-0627-4F76-A0A2-E6E9C26D296F}" type="presParOf" srcId="{3A2A4EBF-38F8-41DF-9E89-C2216AAD0C89}" destId="{AB1D92EE-1D2C-428E-8CC4-78FAC9F1A883}" srcOrd="1" destOrd="0" presId="urn:microsoft.com/office/officeart/2005/8/layout/orgChart1"/>
    <dgm:cxn modelId="{6013B248-93A0-456C-B4CE-FA98DC9AE4BA}" type="presParOf" srcId="{AB1D92EE-1D2C-428E-8CC4-78FAC9F1A883}" destId="{22892751-A7F0-4553-B7BA-644C25506C57}" srcOrd="0" destOrd="0" presId="urn:microsoft.com/office/officeart/2005/8/layout/orgChart1"/>
    <dgm:cxn modelId="{8E6075E1-2A43-4303-9BD7-51A2DD90429C}" type="presParOf" srcId="{22892751-A7F0-4553-B7BA-644C25506C57}" destId="{49160F5C-762F-4FEC-A3CE-1CF1149FD53C}" srcOrd="0" destOrd="0" presId="urn:microsoft.com/office/officeart/2005/8/layout/orgChart1"/>
    <dgm:cxn modelId="{4A12C7A2-64AB-4D11-A732-03D1CF4BE574}" type="presParOf" srcId="{22892751-A7F0-4553-B7BA-644C25506C57}" destId="{FF075D63-DE8C-45C6-8EF6-DE577ABBEAC5}" srcOrd="1" destOrd="0" presId="urn:microsoft.com/office/officeart/2005/8/layout/orgChart1"/>
    <dgm:cxn modelId="{AD0ABD5F-79D0-4341-8AF7-E3916175C971}" type="presParOf" srcId="{AB1D92EE-1D2C-428E-8CC4-78FAC9F1A883}" destId="{20CD9D65-07BF-4032-999F-03EB905A39EA}" srcOrd="1" destOrd="0" presId="urn:microsoft.com/office/officeart/2005/8/layout/orgChart1"/>
    <dgm:cxn modelId="{388A46C2-7551-45E6-B02D-FF3398645BCB}" type="presParOf" srcId="{AB1D92EE-1D2C-428E-8CC4-78FAC9F1A883}" destId="{81F02660-E33D-4FD5-987C-136E92355DC4}" srcOrd="2" destOrd="0" presId="urn:microsoft.com/office/officeart/2005/8/layout/orgChart1"/>
    <dgm:cxn modelId="{0A6FB9B5-07BC-42DA-A288-476477DDD2BC}" type="presParOf" srcId="{9946A06D-411B-4108-9127-44A0BF85D8A9}" destId="{C4393A8D-4E52-4293-919B-AE70593B984A}" srcOrd="2" destOrd="0" presId="urn:microsoft.com/office/officeart/2005/8/layout/orgChart1"/>
    <dgm:cxn modelId="{E7522487-150B-4544-B2DA-AB0C35828C72}" type="presParOf" srcId="{06104315-141A-4446-8E3E-3FFA2E38EA4A}" destId="{C927EB7F-5FD9-49CB-9457-2C7A0109DBFC}" srcOrd="8" destOrd="0" presId="urn:microsoft.com/office/officeart/2005/8/layout/orgChart1"/>
    <dgm:cxn modelId="{85466542-5DA7-4E33-89DF-311674203E38}" type="presParOf" srcId="{06104315-141A-4446-8E3E-3FFA2E38EA4A}" destId="{CA1AF37F-4F55-4FAE-BD79-B9420577CAC1}" srcOrd="9" destOrd="0" presId="urn:microsoft.com/office/officeart/2005/8/layout/orgChart1"/>
    <dgm:cxn modelId="{A7565EC7-C7CE-4292-A2E3-2DBE28B4D8C4}" type="presParOf" srcId="{CA1AF37F-4F55-4FAE-BD79-B9420577CAC1}" destId="{7C957998-6A4C-44A2-BA17-7F590FB54A5E}" srcOrd="0" destOrd="0" presId="urn:microsoft.com/office/officeart/2005/8/layout/orgChart1"/>
    <dgm:cxn modelId="{52202934-349E-4A4B-8659-4CC19B59E9B9}" type="presParOf" srcId="{7C957998-6A4C-44A2-BA17-7F590FB54A5E}" destId="{B61B9C1F-4971-445B-877C-60CC9FB02830}" srcOrd="0" destOrd="0" presId="urn:microsoft.com/office/officeart/2005/8/layout/orgChart1"/>
    <dgm:cxn modelId="{0A90A1DA-245C-42F5-9AA9-8AB151372999}" type="presParOf" srcId="{7C957998-6A4C-44A2-BA17-7F590FB54A5E}" destId="{21DB4E5B-E0AF-4FF4-8DE9-27A3396A82DC}" srcOrd="1" destOrd="0" presId="urn:microsoft.com/office/officeart/2005/8/layout/orgChart1"/>
    <dgm:cxn modelId="{747575F6-FC95-4BAD-84D4-3496424DC450}" type="presParOf" srcId="{CA1AF37F-4F55-4FAE-BD79-B9420577CAC1}" destId="{AF212943-582A-4899-A245-822C23ABCE60}" srcOrd="1" destOrd="0" presId="urn:microsoft.com/office/officeart/2005/8/layout/orgChart1"/>
    <dgm:cxn modelId="{533E1DE1-31B6-45A4-9489-565F3DE8C422}" type="presParOf" srcId="{AF212943-582A-4899-A245-822C23ABCE60}" destId="{883F1896-4CE2-4FA4-B22A-AAA7C89B3CF2}" srcOrd="0" destOrd="0" presId="urn:microsoft.com/office/officeart/2005/8/layout/orgChart1"/>
    <dgm:cxn modelId="{C7CD9FFA-E210-4877-BC47-8AD190293C8D}" type="presParOf" srcId="{AF212943-582A-4899-A245-822C23ABCE60}" destId="{287CA37D-2521-445C-80CA-C1D9B498B196}" srcOrd="1" destOrd="0" presId="urn:microsoft.com/office/officeart/2005/8/layout/orgChart1"/>
    <dgm:cxn modelId="{12350AAA-F0CA-405C-8909-14E7AF979856}" type="presParOf" srcId="{287CA37D-2521-445C-80CA-C1D9B498B196}" destId="{3C6EBC79-86F4-4B94-91CE-A8FC38FB8091}" srcOrd="0" destOrd="0" presId="urn:microsoft.com/office/officeart/2005/8/layout/orgChart1"/>
    <dgm:cxn modelId="{C0FC3523-C310-44C3-8924-DA77DF185970}" type="presParOf" srcId="{3C6EBC79-86F4-4B94-91CE-A8FC38FB8091}" destId="{02F24FDB-03B1-4FBA-8CF6-CB22BE11153F}" srcOrd="0" destOrd="0" presId="urn:microsoft.com/office/officeart/2005/8/layout/orgChart1"/>
    <dgm:cxn modelId="{9DF9618A-991C-41E7-8F38-6C0B72346D0E}" type="presParOf" srcId="{3C6EBC79-86F4-4B94-91CE-A8FC38FB8091}" destId="{FB3419FF-FA15-4906-8A0A-7F018F8FA69E}" srcOrd="1" destOrd="0" presId="urn:microsoft.com/office/officeart/2005/8/layout/orgChart1"/>
    <dgm:cxn modelId="{25AEA400-6B4E-4112-8466-0C7E6FF3CA06}" type="presParOf" srcId="{287CA37D-2521-445C-80CA-C1D9B498B196}" destId="{A4F939F9-AA92-4E66-ACCB-DB139188F79B}" srcOrd="1" destOrd="0" presId="urn:microsoft.com/office/officeart/2005/8/layout/orgChart1"/>
    <dgm:cxn modelId="{D5E4A7CF-2C4E-48F0-8C91-04C43BA7281C}" type="presParOf" srcId="{287CA37D-2521-445C-80CA-C1D9B498B196}" destId="{E182FE14-3071-42D9-8919-B9DC25AE6DA6}" srcOrd="2" destOrd="0" presId="urn:microsoft.com/office/officeart/2005/8/layout/orgChart1"/>
    <dgm:cxn modelId="{881242B5-2798-4241-8545-3CE5F5E6620E}" type="presParOf" srcId="{AF212943-582A-4899-A245-822C23ABCE60}" destId="{4236DE86-32D2-4AF9-B39F-A4894C9C6813}" srcOrd="2" destOrd="0" presId="urn:microsoft.com/office/officeart/2005/8/layout/orgChart1"/>
    <dgm:cxn modelId="{960FF6B7-3968-4CDC-B64B-1B7A8B884295}" type="presParOf" srcId="{AF212943-582A-4899-A245-822C23ABCE60}" destId="{FB67E0AE-8081-4A95-8F27-AB34F6271917}" srcOrd="3" destOrd="0" presId="urn:microsoft.com/office/officeart/2005/8/layout/orgChart1"/>
    <dgm:cxn modelId="{CB45BCA2-E6A5-4BC6-943C-E7B8E5C46F68}" type="presParOf" srcId="{FB67E0AE-8081-4A95-8F27-AB34F6271917}" destId="{A7397132-25A6-4EFD-B33E-EB27DE32D8F8}" srcOrd="0" destOrd="0" presId="urn:microsoft.com/office/officeart/2005/8/layout/orgChart1"/>
    <dgm:cxn modelId="{C8AFCFD3-6F13-418B-A3A3-62BFE7097703}" type="presParOf" srcId="{A7397132-25A6-4EFD-B33E-EB27DE32D8F8}" destId="{05701534-2BB0-4F02-B1B6-EBE4EB2209D8}" srcOrd="0" destOrd="0" presId="urn:microsoft.com/office/officeart/2005/8/layout/orgChart1"/>
    <dgm:cxn modelId="{09AA2F08-4063-41FE-AA36-04D885CB30AA}" type="presParOf" srcId="{A7397132-25A6-4EFD-B33E-EB27DE32D8F8}" destId="{674AC0D6-E16E-437B-BC7F-B000213AE1DA}" srcOrd="1" destOrd="0" presId="urn:microsoft.com/office/officeart/2005/8/layout/orgChart1"/>
    <dgm:cxn modelId="{23A5903F-D851-4194-BED5-CFF1DA525211}" type="presParOf" srcId="{FB67E0AE-8081-4A95-8F27-AB34F6271917}" destId="{7F8E4CAE-1FB6-4B10-90CC-64B819983125}" srcOrd="1" destOrd="0" presId="urn:microsoft.com/office/officeart/2005/8/layout/orgChart1"/>
    <dgm:cxn modelId="{0920CDAE-5B7E-4333-AAD2-72C0326EE9B1}" type="presParOf" srcId="{FB67E0AE-8081-4A95-8F27-AB34F6271917}" destId="{2B5B8611-78B8-4586-8171-6C03D464CB0E}" srcOrd="2" destOrd="0" presId="urn:microsoft.com/office/officeart/2005/8/layout/orgChart1"/>
    <dgm:cxn modelId="{23BCB806-F815-406A-BC33-EFE78AA279E3}" type="presParOf" srcId="{AF212943-582A-4899-A245-822C23ABCE60}" destId="{F4AB436E-8760-4363-BD9B-6C4E220880F3}" srcOrd="4" destOrd="0" presId="urn:microsoft.com/office/officeart/2005/8/layout/orgChart1"/>
    <dgm:cxn modelId="{A9C2BAF7-8C74-4AB9-A51A-7534A4A05D0C}" type="presParOf" srcId="{AF212943-582A-4899-A245-822C23ABCE60}" destId="{68A8E6A3-A69D-4062-8BF4-54898330B155}" srcOrd="5" destOrd="0" presId="urn:microsoft.com/office/officeart/2005/8/layout/orgChart1"/>
    <dgm:cxn modelId="{69E1C799-9DD2-4CBD-AA1A-B627F99E3E18}" type="presParOf" srcId="{68A8E6A3-A69D-4062-8BF4-54898330B155}" destId="{497F896F-4D4D-424E-B891-161A5AE368D4}" srcOrd="0" destOrd="0" presId="urn:microsoft.com/office/officeart/2005/8/layout/orgChart1"/>
    <dgm:cxn modelId="{9FF84274-33AF-489A-A5EF-99ACC126AB93}" type="presParOf" srcId="{497F896F-4D4D-424E-B891-161A5AE368D4}" destId="{C08FD8AE-6B77-4AA5-A8CE-F75909E612E8}" srcOrd="0" destOrd="0" presId="urn:microsoft.com/office/officeart/2005/8/layout/orgChart1"/>
    <dgm:cxn modelId="{5DB55CDB-01CA-4F49-8602-90F6A05D70D3}" type="presParOf" srcId="{497F896F-4D4D-424E-B891-161A5AE368D4}" destId="{C714A5B8-31E4-4CF7-87A6-0619D1DE8AF5}" srcOrd="1" destOrd="0" presId="urn:microsoft.com/office/officeart/2005/8/layout/orgChart1"/>
    <dgm:cxn modelId="{27C0BFCB-29ED-41F8-892D-DF1AD2E70877}" type="presParOf" srcId="{68A8E6A3-A69D-4062-8BF4-54898330B155}" destId="{AF924905-302C-4914-AD7F-36E7B8B45B9C}" srcOrd="1" destOrd="0" presId="urn:microsoft.com/office/officeart/2005/8/layout/orgChart1"/>
    <dgm:cxn modelId="{4C7C06D2-BD14-47F7-866D-F9672F8ACF3F}" type="presParOf" srcId="{68A8E6A3-A69D-4062-8BF4-54898330B155}" destId="{6B3FBE98-9DD4-403E-801A-3BDBFADCBEB9}" srcOrd="2" destOrd="0" presId="urn:microsoft.com/office/officeart/2005/8/layout/orgChart1"/>
    <dgm:cxn modelId="{D89197CB-9C3A-4FAE-8A08-1175A524A67E}" type="presParOf" srcId="{AF212943-582A-4899-A245-822C23ABCE60}" destId="{75115D98-C27E-42E8-93CE-80F927CBB0D2}" srcOrd="6" destOrd="0" presId="urn:microsoft.com/office/officeart/2005/8/layout/orgChart1"/>
    <dgm:cxn modelId="{1EB508F2-C81E-4E30-A799-A6F07886ED89}" type="presParOf" srcId="{AF212943-582A-4899-A245-822C23ABCE60}" destId="{BF7F8887-431D-4C6B-B974-9763BED70938}" srcOrd="7" destOrd="0" presId="urn:microsoft.com/office/officeart/2005/8/layout/orgChart1"/>
    <dgm:cxn modelId="{61D2B77D-9CD5-4088-8CC1-28EAE735CCD4}" type="presParOf" srcId="{BF7F8887-431D-4C6B-B974-9763BED70938}" destId="{7FE8F069-1D6E-490C-B13A-31BF6E5D66F1}" srcOrd="0" destOrd="0" presId="urn:microsoft.com/office/officeart/2005/8/layout/orgChart1"/>
    <dgm:cxn modelId="{79ED602E-66A0-4597-B5F7-F058F38902CF}" type="presParOf" srcId="{7FE8F069-1D6E-490C-B13A-31BF6E5D66F1}" destId="{659CDC0C-4311-4803-816A-EC3E01124E85}" srcOrd="0" destOrd="0" presId="urn:microsoft.com/office/officeart/2005/8/layout/orgChart1"/>
    <dgm:cxn modelId="{4C9BB3BC-8790-4E0C-ACFC-EAB965409DA0}" type="presParOf" srcId="{7FE8F069-1D6E-490C-B13A-31BF6E5D66F1}" destId="{7E2CA916-70A7-43E8-ADA5-847422532116}" srcOrd="1" destOrd="0" presId="urn:microsoft.com/office/officeart/2005/8/layout/orgChart1"/>
    <dgm:cxn modelId="{9080A221-3B66-441E-9EDA-87858E0C7995}" type="presParOf" srcId="{BF7F8887-431D-4C6B-B974-9763BED70938}" destId="{5D5B02A2-6FE2-46B3-B87C-D1FF68ABD10F}" srcOrd="1" destOrd="0" presId="urn:microsoft.com/office/officeart/2005/8/layout/orgChart1"/>
    <dgm:cxn modelId="{23F7F678-C904-467D-81F7-0BF7D75FE447}" type="presParOf" srcId="{BF7F8887-431D-4C6B-B974-9763BED70938}" destId="{02CD95D5-45BF-4412-8A37-C4CFC202F3A5}" srcOrd="2" destOrd="0" presId="urn:microsoft.com/office/officeart/2005/8/layout/orgChart1"/>
    <dgm:cxn modelId="{71F84E01-BE72-474C-A193-4DA576CEC3DA}" type="presParOf" srcId="{CA1AF37F-4F55-4FAE-BD79-B9420577CAC1}" destId="{A7293737-3232-404E-9AC5-77D6E2EDC926}" srcOrd="2" destOrd="0" presId="urn:microsoft.com/office/officeart/2005/8/layout/orgChart1"/>
    <dgm:cxn modelId="{A7B0963A-6F21-45F0-B930-BE5B1DEE8DA1}" type="presParOf" srcId="{85A52D97-A999-4309-877F-3D56949AF848}" destId="{9D5B98A4-4E53-42F8-BF2F-296B7B773A73}" srcOrd="2" destOrd="0" presId="urn:microsoft.com/office/officeart/2005/8/layout/orgChart1"/>
  </dgm:cxnLst>
  <dgm:bg/>
  <dgm:whole>
    <a:ln>
      <a:solidFill>
        <a:schemeClr val="tx2"/>
      </a:solidFill>
    </a:ln>
  </dgm:whole>
  <dgm:extLst>
    <a:ext uri="http://schemas.microsoft.com/office/drawing/2008/diagram">
      <dsp:dataModelExt xmlns:dsp="http://schemas.microsoft.com/office/drawing/2008/diagram" relId="rId6"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B118A677-901D-4501-89DF-79ABF8D3935B}" type="doc">
      <dgm:prSet loTypeId="urn:microsoft.com/office/officeart/2005/8/layout/cycle2" loCatId="cycle" qsTypeId="urn:microsoft.com/office/officeart/2005/8/quickstyle/3d1" qsCatId="3D" csTypeId="urn:microsoft.com/office/officeart/2005/8/colors/colorful2" csCatId="colorful" phldr="1"/>
      <dgm:spPr/>
    </dgm:pt>
    <dgm:pt modelId="{6C64FDEA-0C82-4D3D-923A-F1470E2AAD2B}">
      <dgm:prSet phldrT="[Text]" custT="1"/>
      <dgm:spPr/>
      <dgm:t>
        <a:bodyPr/>
        <a:lstStyle/>
        <a:p>
          <a:r>
            <a:rPr lang="en-US" sz="1600" dirty="0"/>
            <a:t>Identify data needs</a:t>
          </a:r>
        </a:p>
      </dgm:t>
    </dgm:pt>
    <dgm:pt modelId="{EFF114DD-9689-40CF-A8DA-C184CA4EEB7B}" type="parTrans" cxnId="{1F59615A-DCAC-4ED0-8C5D-E885251127A2}">
      <dgm:prSet/>
      <dgm:spPr/>
      <dgm:t>
        <a:bodyPr/>
        <a:lstStyle/>
        <a:p>
          <a:endParaRPr lang="en-US" sz="1600"/>
        </a:p>
      </dgm:t>
    </dgm:pt>
    <dgm:pt modelId="{118B9D56-ED67-4BB8-B18D-3922DD6B883F}" type="sibTrans" cxnId="{1F59615A-DCAC-4ED0-8C5D-E885251127A2}">
      <dgm:prSet custT="1"/>
      <dgm:spPr/>
      <dgm:t>
        <a:bodyPr/>
        <a:lstStyle/>
        <a:p>
          <a:endParaRPr lang="en-US" sz="1600"/>
        </a:p>
      </dgm:t>
    </dgm:pt>
    <dgm:pt modelId="{B9A85ABC-BBC6-46A8-8A84-DAAF96A6B413}">
      <dgm:prSet phldrT="[Text]" custT="1"/>
      <dgm:spPr/>
      <dgm:t>
        <a:bodyPr/>
        <a:lstStyle/>
        <a:p>
          <a:r>
            <a:rPr lang="en-US" sz="1600" dirty="0"/>
            <a:t>Test forms &amp; process</a:t>
          </a:r>
        </a:p>
      </dgm:t>
    </dgm:pt>
    <dgm:pt modelId="{0297952C-63E2-4E14-A356-02FC186317FC}" type="parTrans" cxnId="{C65E01F0-2324-4829-8660-4FF6E71A7776}">
      <dgm:prSet/>
      <dgm:spPr/>
      <dgm:t>
        <a:bodyPr/>
        <a:lstStyle/>
        <a:p>
          <a:endParaRPr lang="en-US" sz="1600"/>
        </a:p>
      </dgm:t>
    </dgm:pt>
    <dgm:pt modelId="{241DB423-7F03-4333-9915-C66C510039B0}" type="sibTrans" cxnId="{C65E01F0-2324-4829-8660-4FF6E71A7776}">
      <dgm:prSet custT="1"/>
      <dgm:spPr/>
      <dgm:t>
        <a:bodyPr/>
        <a:lstStyle/>
        <a:p>
          <a:endParaRPr lang="en-US" sz="1600"/>
        </a:p>
      </dgm:t>
    </dgm:pt>
    <dgm:pt modelId="{C410CF56-CB2E-43DC-8718-2B18E6D79976}">
      <dgm:prSet phldrT="[Text]" custT="1"/>
      <dgm:spPr/>
      <dgm:t>
        <a:bodyPr/>
        <a:lstStyle/>
        <a:p>
          <a:r>
            <a:rPr lang="en-US" sz="1600" dirty="0"/>
            <a:t>Roll-out forms &amp; process</a:t>
          </a:r>
        </a:p>
      </dgm:t>
    </dgm:pt>
    <dgm:pt modelId="{190972F5-28D8-411D-8015-9EE8551338ED}" type="parTrans" cxnId="{91DC0FF3-110F-436D-A109-EA85EB588E98}">
      <dgm:prSet/>
      <dgm:spPr/>
      <dgm:t>
        <a:bodyPr/>
        <a:lstStyle/>
        <a:p>
          <a:endParaRPr lang="en-US" sz="1600"/>
        </a:p>
      </dgm:t>
    </dgm:pt>
    <dgm:pt modelId="{3DF8F1EB-5EFB-49B9-8F74-94F5F87720E8}" type="sibTrans" cxnId="{91DC0FF3-110F-436D-A109-EA85EB588E98}">
      <dgm:prSet custT="1"/>
      <dgm:spPr/>
      <dgm:t>
        <a:bodyPr/>
        <a:lstStyle/>
        <a:p>
          <a:endParaRPr lang="en-US" sz="1600"/>
        </a:p>
      </dgm:t>
    </dgm:pt>
    <dgm:pt modelId="{1B4C8C19-5181-4108-89BC-F55BA174E360}">
      <dgm:prSet phldrT="[Text]" custT="1"/>
      <dgm:spPr/>
      <dgm:t>
        <a:bodyPr/>
        <a:lstStyle/>
        <a:p>
          <a:r>
            <a:rPr lang="en-US" sz="1600" dirty="0"/>
            <a:t>Collect data</a:t>
          </a:r>
        </a:p>
      </dgm:t>
    </dgm:pt>
    <dgm:pt modelId="{057A7C1C-8F71-4437-AFC7-4B9AEAEF129F}" type="parTrans" cxnId="{32D873B6-EAD1-427D-BDBB-350F5F289ADA}">
      <dgm:prSet/>
      <dgm:spPr/>
      <dgm:t>
        <a:bodyPr/>
        <a:lstStyle/>
        <a:p>
          <a:endParaRPr lang="en-US" sz="1600"/>
        </a:p>
      </dgm:t>
    </dgm:pt>
    <dgm:pt modelId="{54BEF38F-23C0-4EB4-9DA8-9662545D0F9D}" type="sibTrans" cxnId="{32D873B6-EAD1-427D-BDBB-350F5F289ADA}">
      <dgm:prSet custT="1"/>
      <dgm:spPr/>
      <dgm:t>
        <a:bodyPr/>
        <a:lstStyle/>
        <a:p>
          <a:endParaRPr lang="en-US" sz="1600"/>
        </a:p>
      </dgm:t>
    </dgm:pt>
    <dgm:pt modelId="{3B03D8DA-7765-4D4F-8302-CF83DA1FC68E}">
      <dgm:prSet phldrT="[Text]" custT="1"/>
      <dgm:spPr/>
      <dgm:t>
        <a:bodyPr/>
        <a:lstStyle/>
        <a:p>
          <a:r>
            <a:rPr lang="en-US" sz="1600" dirty="0"/>
            <a:t>Enter data into system</a:t>
          </a:r>
        </a:p>
      </dgm:t>
    </dgm:pt>
    <dgm:pt modelId="{98208D4D-026D-4E14-8CEE-00296E217E49}" type="parTrans" cxnId="{6F07F2A5-2F9D-4110-B308-68F50E1C73C7}">
      <dgm:prSet/>
      <dgm:spPr/>
      <dgm:t>
        <a:bodyPr/>
        <a:lstStyle/>
        <a:p>
          <a:endParaRPr lang="en-US" sz="1600"/>
        </a:p>
      </dgm:t>
    </dgm:pt>
    <dgm:pt modelId="{712CB416-C9B9-4720-BB84-1D45B548642D}" type="sibTrans" cxnId="{6F07F2A5-2F9D-4110-B308-68F50E1C73C7}">
      <dgm:prSet custT="1"/>
      <dgm:spPr/>
      <dgm:t>
        <a:bodyPr/>
        <a:lstStyle/>
        <a:p>
          <a:endParaRPr lang="en-US" sz="1600"/>
        </a:p>
      </dgm:t>
    </dgm:pt>
    <dgm:pt modelId="{3C63CF14-15E0-4A52-978C-E2775CF2F6D6}">
      <dgm:prSet phldrT="[Text]" custT="1"/>
      <dgm:spPr/>
      <dgm:t>
        <a:bodyPr/>
        <a:lstStyle/>
        <a:p>
          <a:r>
            <a:rPr lang="en-US" sz="1600" dirty="0"/>
            <a:t>Validate data</a:t>
          </a:r>
        </a:p>
      </dgm:t>
    </dgm:pt>
    <dgm:pt modelId="{1074FAEA-468D-4264-9013-AC0D9B121032}" type="parTrans" cxnId="{C483CD45-5F30-4A90-9593-B1FD3DE7FEFA}">
      <dgm:prSet/>
      <dgm:spPr/>
      <dgm:t>
        <a:bodyPr/>
        <a:lstStyle/>
        <a:p>
          <a:endParaRPr lang="en-US" sz="1600"/>
        </a:p>
      </dgm:t>
    </dgm:pt>
    <dgm:pt modelId="{A59AA7F0-56E4-41B2-8EEA-61E33CC5C7E6}" type="sibTrans" cxnId="{C483CD45-5F30-4A90-9593-B1FD3DE7FEFA}">
      <dgm:prSet custT="1"/>
      <dgm:spPr/>
      <dgm:t>
        <a:bodyPr/>
        <a:lstStyle/>
        <a:p>
          <a:endParaRPr lang="en-US" sz="1600"/>
        </a:p>
      </dgm:t>
    </dgm:pt>
    <dgm:pt modelId="{40F7633A-E389-4232-A561-7C62CB33DF57}">
      <dgm:prSet phldrT="[Text]" custT="1"/>
      <dgm:spPr/>
      <dgm:t>
        <a:bodyPr/>
        <a:lstStyle/>
        <a:p>
          <a:r>
            <a:rPr lang="en-US" sz="1600" dirty="0"/>
            <a:t>Manage data in MIS</a:t>
          </a:r>
        </a:p>
      </dgm:t>
    </dgm:pt>
    <dgm:pt modelId="{C28C3D76-7443-46B7-9F76-B461EB67C9D5}" type="parTrans" cxnId="{31034EC5-5D5E-4D63-BEBF-8F1AB669D774}">
      <dgm:prSet/>
      <dgm:spPr/>
      <dgm:t>
        <a:bodyPr/>
        <a:lstStyle/>
        <a:p>
          <a:endParaRPr lang="en-US" sz="1600"/>
        </a:p>
      </dgm:t>
    </dgm:pt>
    <dgm:pt modelId="{C57DFDF2-89C6-4115-8F49-F85E2EA27E14}" type="sibTrans" cxnId="{31034EC5-5D5E-4D63-BEBF-8F1AB669D774}">
      <dgm:prSet custT="1"/>
      <dgm:spPr/>
      <dgm:t>
        <a:bodyPr/>
        <a:lstStyle/>
        <a:p>
          <a:endParaRPr lang="en-US" sz="1600"/>
        </a:p>
      </dgm:t>
    </dgm:pt>
    <dgm:pt modelId="{4F982BC8-1B5C-4792-B676-185BAA7B19E4}">
      <dgm:prSet phldrT="[Text]" custT="1"/>
      <dgm:spPr>
        <a:solidFill>
          <a:schemeClr val="accent1"/>
        </a:solidFill>
      </dgm:spPr>
      <dgm:t>
        <a:bodyPr/>
        <a:lstStyle/>
        <a:p>
          <a:r>
            <a:rPr lang="en-US" sz="1600" dirty="0"/>
            <a:t>Share information</a:t>
          </a:r>
        </a:p>
      </dgm:t>
    </dgm:pt>
    <dgm:pt modelId="{7EC6E69F-4317-4A8B-8950-B5FC26C07631}" type="parTrans" cxnId="{84DECF76-B8EE-4EA9-9801-018BCCA43CC4}">
      <dgm:prSet/>
      <dgm:spPr/>
      <dgm:t>
        <a:bodyPr/>
        <a:lstStyle/>
        <a:p>
          <a:endParaRPr lang="en-US" sz="1600"/>
        </a:p>
      </dgm:t>
    </dgm:pt>
    <dgm:pt modelId="{B2F803B2-7362-44B8-B917-A82A9F5C7045}" type="sibTrans" cxnId="{84DECF76-B8EE-4EA9-9801-018BCCA43CC4}">
      <dgm:prSet/>
      <dgm:spPr/>
      <dgm:t>
        <a:bodyPr/>
        <a:lstStyle/>
        <a:p>
          <a:endParaRPr lang="en-US" sz="1600"/>
        </a:p>
      </dgm:t>
    </dgm:pt>
    <dgm:pt modelId="{5381A8B2-3354-4396-AE64-57DAC151BCA1}">
      <dgm:prSet phldrT="[Text]" custT="1"/>
      <dgm:spPr/>
      <dgm:t>
        <a:bodyPr/>
        <a:lstStyle/>
        <a:p>
          <a:r>
            <a:rPr lang="en-US" sz="1600" dirty="0"/>
            <a:t>Facilitate data use</a:t>
          </a:r>
        </a:p>
      </dgm:t>
    </dgm:pt>
    <dgm:pt modelId="{DBDA36F8-8932-4578-8E89-1E7DE41B00A1}" type="parTrans" cxnId="{3305ABC0-6429-4D57-8598-6CECAD1B8F82}">
      <dgm:prSet/>
      <dgm:spPr/>
      <dgm:t>
        <a:bodyPr/>
        <a:lstStyle/>
        <a:p>
          <a:endParaRPr lang="en-US"/>
        </a:p>
      </dgm:t>
    </dgm:pt>
    <dgm:pt modelId="{321A4854-A173-48F2-8DD7-DEC3BD2E87F7}" type="sibTrans" cxnId="{3305ABC0-6429-4D57-8598-6CECAD1B8F82}">
      <dgm:prSet/>
      <dgm:spPr/>
      <dgm:t>
        <a:bodyPr/>
        <a:lstStyle/>
        <a:p>
          <a:endParaRPr lang="en-US"/>
        </a:p>
      </dgm:t>
    </dgm:pt>
    <dgm:pt modelId="{129C7060-BCCD-44D2-BD51-8DD3DAAAC67F}">
      <dgm:prSet phldrT="[Text]"/>
      <dgm:spPr/>
      <dgm:t>
        <a:bodyPr/>
        <a:lstStyle/>
        <a:p>
          <a:r>
            <a:rPr lang="en-US" dirty="0"/>
            <a:t>Create forms &amp; process</a:t>
          </a:r>
        </a:p>
      </dgm:t>
    </dgm:pt>
    <dgm:pt modelId="{55480C4E-5164-437F-B1AE-FB95A0B1A8F2}" type="parTrans" cxnId="{F79CB3E6-DA0A-44E1-B237-4FE9C1C8BD11}">
      <dgm:prSet/>
      <dgm:spPr/>
      <dgm:t>
        <a:bodyPr/>
        <a:lstStyle/>
        <a:p>
          <a:endParaRPr lang="en-US"/>
        </a:p>
      </dgm:t>
    </dgm:pt>
    <dgm:pt modelId="{57042113-06A4-4B2F-A0EF-75FBD645B6F0}" type="sibTrans" cxnId="{F79CB3E6-DA0A-44E1-B237-4FE9C1C8BD11}">
      <dgm:prSet/>
      <dgm:spPr/>
      <dgm:t>
        <a:bodyPr/>
        <a:lstStyle/>
        <a:p>
          <a:endParaRPr lang="en-US"/>
        </a:p>
      </dgm:t>
    </dgm:pt>
    <dgm:pt modelId="{C75CA068-B8FA-4E41-AF5E-5E9C35B970CF}" type="pres">
      <dgm:prSet presAssocID="{B118A677-901D-4501-89DF-79ABF8D3935B}" presName="cycle" presStyleCnt="0">
        <dgm:presLayoutVars>
          <dgm:dir/>
          <dgm:resizeHandles val="exact"/>
        </dgm:presLayoutVars>
      </dgm:prSet>
      <dgm:spPr/>
    </dgm:pt>
    <dgm:pt modelId="{82208B9D-5B84-4A53-8BD1-061C482929AE}" type="pres">
      <dgm:prSet presAssocID="{6C64FDEA-0C82-4D3D-923A-F1470E2AAD2B}" presName="node" presStyleLbl="node1" presStyleIdx="0" presStyleCnt="10">
        <dgm:presLayoutVars>
          <dgm:bulletEnabled val="1"/>
        </dgm:presLayoutVars>
      </dgm:prSet>
      <dgm:spPr/>
    </dgm:pt>
    <dgm:pt modelId="{E8FAE9D3-1392-4DA1-84B6-4CCB220C3BB8}" type="pres">
      <dgm:prSet presAssocID="{118B9D56-ED67-4BB8-B18D-3922DD6B883F}" presName="sibTrans" presStyleLbl="sibTrans2D1" presStyleIdx="0" presStyleCnt="10"/>
      <dgm:spPr/>
    </dgm:pt>
    <dgm:pt modelId="{B57CADB5-1B31-4D16-A024-FBA616362696}" type="pres">
      <dgm:prSet presAssocID="{118B9D56-ED67-4BB8-B18D-3922DD6B883F}" presName="connectorText" presStyleLbl="sibTrans2D1" presStyleIdx="0" presStyleCnt="10"/>
      <dgm:spPr/>
    </dgm:pt>
    <dgm:pt modelId="{04EF35E1-6994-4CD2-A609-A995D5D54997}" type="pres">
      <dgm:prSet presAssocID="{129C7060-BCCD-44D2-BD51-8DD3DAAAC67F}" presName="node" presStyleLbl="node1" presStyleIdx="1" presStyleCnt="10">
        <dgm:presLayoutVars>
          <dgm:bulletEnabled val="1"/>
        </dgm:presLayoutVars>
      </dgm:prSet>
      <dgm:spPr/>
    </dgm:pt>
    <dgm:pt modelId="{62117C00-F47F-45BD-A88D-EC573CA4A872}" type="pres">
      <dgm:prSet presAssocID="{57042113-06A4-4B2F-A0EF-75FBD645B6F0}" presName="sibTrans" presStyleLbl="sibTrans2D1" presStyleIdx="1" presStyleCnt="10"/>
      <dgm:spPr/>
    </dgm:pt>
    <dgm:pt modelId="{F0077A6B-A770-40D3-AE30-9ED6FABBBC74}" type="pres">
      <dgm:prSet presAssocID="{57042113-06A4-4B2F-A0EF-75FBD645B6F0}" presName="connectorText" presStyleLbl="sibTrans2D1" presStyleIdx="1" presStyleCnt="10"/>
      <dgm:spPr/>
    </dgm:pt>
    <dgm:pt modelId="{3D28F87A-A54F-4F9E-93D0-051E140E9CB8}" type="pres">
      <dgm:prSet presAssocID="{B9A85ABC-BBC6-46A8-8A84-DAAF96A6B413}" presName="node" presStyleLbl="node1" presStyleIdx="2" presStyleCnt="10">
        <dgm:presLayoutVars>
          <dgm:bulletEnabled val="1"/>
        </dgm:presLayoutVars>
      </dgm:prSet>
      <dgm:spPr/>
    </dgm:pt>
    <dgm:pt modelId="{222EE20C-312F-49E9-A1FD-0D95FA7C24E1}" type="pres">
      <dgm:prSet presAssocID="{241DB423-7F03-4333-9915-C66C510039B0}" presName="sibTrans" presStyleLbl="sibTrans2D1" presStyleIdx="2" presStyleCnt="10"/>
      <dgm:spPr/>
    </dgm:pt>
    <dgm:pt modelId="{DDAA37DD-516F-48B4-9C36-1122FAAD53FD}" type="pres">
      <dgm:prSet presAssocID="{241DB423-7F03-4333-9915-C66C510039B0}" presName="connectorText" presStyleLbl="sibTrans2D1" presStyleIdx="2" presStyleCnt="10"/>
      <dgm:spPr/>
    </dgm:pt>
    <dgm:pt modelId="{9E72C8EC-FC87-45A1-81BD-5C62AFED15E0}" type="pres">
      <dgm:prSet presAssocID="{C410CF56-CB2E-43DC-8718-2B18E6D79976}" presName="node" presStyleLbl="node1" presStyleIdx="3" presStyleCnt="10">
        <dgm:presLayoutVars>
          <dgm:bulletEnabled val="1"/>
        </dgm:presLayoutVars>
      </dgm:prSet>
      <dgm:spPr/>
    </dgm:pt>
    <dgm:pt modelId="{4172FDB8-FD75-44E6-B636-F169466EA6F2}" type="pres">
      <dgm:prSet presAssocID="{3DF8F1EB-5EFB-49B9-8F74-94F5F87720E8}" presName="sibTrans" presStyleLbl="sibTrans2D1" presStyleIdx="3" presStyleCnt="10"/>
      <dgm:spPr/>
    </dgm:pt>
    <dgm:pt modelId="{17467B67-A001-4B8A-B8DA-78DC25A04957}" type="pres">
      <dgm:prSet presAssocID="{3DF8F1EB-5EFB-49B9-8F74-94F5F87720E8}" presName="connectorText" presStyleLbl="sibTrans2D1" presStyleIdx="3" presStyleCnt="10"/>
      <dgm:spPr/>
    </dgm:pt>
    <dgm:pt modelId="{C5FBF30B-7429-4704-90D2-4454965FD314}" type="pres">
      <dgm:prSet presAssocID="{1B4C8C19-5181-4108-89BC-F55BA174E360}" presName="node" presStyleLbl="node1" presStyleIdx="4" presStyleCnt="10">
        <dgm:presLayoutVars>
          <dgm:bulletEnabled val="1"/>
        </dgm:presLayoutVars>
      </dgm:prSet>
      <dgm:spPr/>
    </dgm:pt>
    <dgm:pt modelId="{9BDCB39E-9B45-4116-ADAB-0FEE6C6B1C4B}" type="pres">
      <dgm:prSet presAssocID="{54BEF38F-23C0-4EB4-9DA8-9662545D0F9D}" presName="sibTrans" presStyleLbl="sibTrans2D1" presStyleIdx="4" presStyleCnt="10"/>
      <dgm:spPr/>
    </dgm:pt>
    <dgm:pt modelId="{D128A369-76A0-4D4D-835F-808E2E70F7D2}" type="pres">
      <dgm:prSet presAssocID="{54BEF38F-23C0-4EB4-9DA8-9662545D0F9D}" presName="connectorText" presStyleLbl="sibTrans2D1" presStyleIdx="4" presStyleCnt="10"/>
      <dgm:spPr/>
    </dgm:pt>
    <dgm:pt modelId="{72DBBB8A-A9D2-4A5B-A5A3-76FDD3B65AE9}" type="pres">
      <dgm:prSet presAssocID="{3B03D8DA-7765-4D4F-8302-CF83DA1FC68E}" presName="node" presStyleLbl="node1" presStyleIdx="5" presStyleCnt="10">
        <dgm:presLayoutVars>
          <dgm:bulletEnabled val="1"/>
        </dgm:presLayoutVars>
      </dgm:prSet>
      <dgm:spPr/>
    </dgm:pt>
    <dgm:pt modelId="{5C8BDD24-6C65-47C3-86C6-768CD8448650}" type="pres">
      <dgm:prSet presAssocID="{712CB416-C9B9-4720-BB84-1D45B548642D}" presName="sibTrans" presStyleLbl="sibTrans2D1" presStyleIdx="5" presStyleCnt="10"/>
      <dgm:spPr/>
    </dgm:pt>
    <dgm:pt modelId="{9591738F-221A-46C9-9612-3024E355C661}" type="pres">
      <dgm:prSet presAssocID="{712CB416-C9B9-4720-BB84-1D45B548642D}" presName="connectorText" presStyleLbl="sibTrans2D1" presStyleIdx="5" presStyleCnt="10"/>
      <dgm:spPr/>
    </dgm:pt>
    <dgm:pt modelId="{35D7121D-85F0-4E7F-8752-D7A676C355D2}" type="pres">
      <dgm:prSet presAssocID="{3C63CF14-15E0-4A52-978C-E2775CF2F6D6}" presName="node" presStyleLbl="node1" presStyleIdx="6" presStyleCnt="10">
        <dgm:presLayoutVars>
          <dgm:bulletEnabled val="1"/>
        </dgm:presLayoutVars>
      </dgm:prSet>
      <dgm:spPr/>
    </dgm:pt>
    <dgm:pt modelId="{3A8E9418-1B85-41DA-A8B4-76F2AEC9B2DE}" type="pres">
      <dgm:prSet presAssocID="{A59AA7F0-56E4-41B2-8EEA-61E33CC5C7E6}" presName="sibTrans" presStyleLbl="sibTrans2D1" presStyleIdx="6" presStyleCnt="10"/>
      <dgm:spPr/>
    </dgm:pt>
    <dgm:pt modelId="{5A3D895A-10C8-458C-9A06-08B816232134}" type="pres">
      <dgm:prSet presAssocID="{A59AA7F0-56E4-41B2-8EEA-61E33CC5C7E6}" presName="connectorText" presStyleLbl="sibTrans2D1" presStyleIdx="6" presStyleCnt="10"/>
      <dgm:spPr/>
    </dgm:pt>
    <dgm:pt modelId="{1A417AE2-7DCE-4A5B-AA84-E44756AEBA25}" type="pres">
      <dgm:prSet presAssocID="{40F7633A-E389-4232-A561-7C62CB33DF57}" presName="node" presStyleLbl="node1" presStyleIdx="7" presStyleCnt="10">
        <dgm:presLayoutVars>
          <dgm:bulletEnabled val="1"/>
        </dgm:presLayoutVars>
      </dgm:prSet>
      <dgm:spPr/>
    </dgm:pt>
    <dgm:pt modelId="{7DA4E6F5-5F82-4992-89FB-9A13017CE0DB}" type="pres">
      <dgm:prSet presAssocID="{C57DFDF2-89C6-4115-8F49-F85E2EA27E14}" presName="sibTrans" presStyleLbl="sibTrans2D1" presStyleIdx="7" presStyleCnt="10"/>
      <dgm:spPr/>
    </dgm:pt>
    <dgm:pt modelId="{627745EE-3BBA-4490-8B73-15AA4EE90DE8}" type="pres">
      <dgm:prSet presAssocID="{C57DFDF2-89C6-4115-8F49-F85E2EA27E14}" presName="connectorText" presStyleLbl="sibTrans2D1" presStyleIdx="7" presStyleCnt="10"/>
      <dgm:spPr/>
    </dgm:pt>
    <dgm:pt modelId="{CDB41F4F-688C-4490-B89A-F947556A62B7}" type="pres">
      <dgm:prSet presAssocID="{4F982BC8-1B5C-4792-B676-185BAA7B19E4}" presName="node" presStyleLbl="node1" presStyleIdx="8" presStyleCnt="10" custScaleX="162914" custScaleY="152271">
        <dgm:presLayoutVars>
          <dgm:bulletEnabled val="1"/>
        </dgm:presLayoutVars>
      </dgm:prSet>
      <dgm:spPr/>
    </dgm:pt>
    <dgm:pt modelId="{EFB7B187-C31B-40AD-BE1E-5BA7F7DB24E7}" type="pres">
      <dgm:prSet presAssocID="{B2F803B2-7362-44B8-B917-A82A9F5C7045}" presName="sibTrans" presStyleLbl="sibTrans2D1" presStyleIdx="8" presStyleCnt="10"/>
      <dgm:spPr/>
    </dgm:pt>
    <dgm:pt modelId="{D1598D26-F537-4878-977E-1292BAB1AC8C}" type="pres">
      <dgm:prSet presAssocID="{B2F803B2-7362-44B8-B917-A82A9F5C7045}" presName="connectorText" presStyleLbl="sibTrans2D1" presStyleIdx="8" presStyleCnt="10"/>
      <dgm:spPr/>
    </dgm:pt>
    <dgm:pt modelId="{34E71618-BC08-4DDB-8255-A70153FCCC66}" type="pres">
      <dgm:prSet presAssocID="{5381A8B2-3354-4396-AE64-57DAC151BCA1}" presName="node" presStyleLbl="node1" presStyleIdx="9" presStyleCnt="10">
        <dgm:presLayoutVars>
          <dgm:bulletEnabled val="1"/>
        </dgm:presLayoutVars>
      </dgm:prSet>
      <dgm:spPr/>
    </dgm:pt>
    <dgm:pt modelId="{837037DB-FD11-48C1-8969-B6A62613B709}" type="pres">
      <dgm:prSet presAssocID="{321A4854-A173-48F2-8DD7-DEC3BD2E87F7}" presName="sibTrans" presStyleLbl="sibTrans2D1" presStyleIdx="9" presStyleCnt="10"/>
      <dgm:spPr/>
    </dgm:pt>
    <dgm:pt modelId="{4AE07AC6-7BCC-4259-9258-302018F09847}" type="pres">
      <dgm:prSet presAssocID="{321A4854-A173-48F2-8DD7-DEC3BD2E87F7}" presName="connectorText" presStyleLbl="sibTrans2D1" presStyleIdx="9" presStyleCnt="10"/>
      <dgm:spPr/>
    </dgm:pt>
  </dgm:ptLst>
  <dgm:cxnLst>
    <dgm:cxn modelId="{A393E604-7E37-4308-B564-2A10075A479E}" type="presOf" srcId="{241DB423-7F03-4333-9915-C66C510039B0}" destId="{222EE20C-312F-49E9-A1FD-0D95FA7C24E1}" srcOrd="0" destOrd="0" presId="urn:microsoft.com/office/officeart/2005/8/layout/cycle2"/>
    <dgm:cxn modelId="{44A31208-4AFB-44AB-A949-C696E6906087}" type="presOf" srcId="{712CB416-C9B9-4720-BB84-1D45B548642D}" destId="{5C8BDD24-6C65-47C3-86C6-768CD8448650}" srcOrd="0" destOrd="0" presId="urn:microsoft.com/office/officeart/2005/8/layout/cycle2"/>
    <dgm:cxn modelId="{D632B510-DCD7-4833-B93E-E4B83D324A7C}" type="presOf" srcId="{C57DFDF2-89C6-4115-8F49-F85E2EA27E14}" destId="{627745EE-3BBA-4490-8B73-15AA4EE90DE8}" srcOrd="1" destOrd="0" presId="urn:microsoft.com/office/officeart/2005/8/layout/cycle2"/>
    <dgm:cxn modelId="{B5415715-9A4C-423A-B372-A0934706E884}" type="presOf" srcId="{C410CF56-CB2E-43DC-8718-2B18E6D79976}" destId="{9E72C8EC-FC87-45A1-81BD-5C62AFED15E0}" srcOrd="0" destOrd="0" presId="urn:microsoft.com/office/officeart/2005/8/layout/cycle2"/>
    <dgm:cxn modelId="{31EB9A22-215B-4F0C-BED5-7CC6154EF871}" type="presOf" srcId="{54BEF38F-23C0-4EB4-9DA8-9662545D0F9D}" destId="{9BDCB39E-9B45-4116-ADAB-0FEE6C6B1C4B}" srcOrd="0" destOrd="0" presId="urn:microsoft.com/office/officeart/2005/8/layout/cycle2"/>
    <dgm:cxn modelId="{3550A53B-D1BE-4F58-833D-383C3D6D2295}" type="presOf" srcId="{241DB423-7F03-4333-9915-C66C510039B0}" destId="{DDAA37DD-516F-48B4-9C36-1122FAAD53FD}" srcOrd="1" destOrd="0" presId="urn:microsoft.com/office/officeart/2005/8/layout/cycle2"/>
    <dgm:cxn modelId="{7A6A795B-13C7-4417-8B97-8F2D4B6AEC6D}" type="presOf" srcId="{3DF8F1EB-5EFB-49B9-8F74-94F5F87720E8}" destId="{4172FDB8-FD75-44E6-B636-F169466EA6F2}" srcOrd="0" destOrd="0" presId="urn:microsoft.com/office/officeart/2005/8/layout/cycle2"/>
    <dgm:cxn modelId="{74DC9A5D-DDFA-4363-A8D3-E220F6B18AAB}" type="presOf" srcId="{118B9D56-ED67-4BB8-B18D-3922DD6B883F}" destId="{E8FAE9D3-1392-4DA1-84B6-4CCB220C3BB8}" srcOrd="0" destOrd="0" presId="urn:microsoft.com/office/officeart/2005/8/layout/cycle2"/>
    <dgm:cxn modelId="{B2AE5442-EE12-463B-8ECD-375923F4951D}" type="presOf" srcId="{57042113-06A4-4B2F-A0EF-75FBD645B6F0}" destId="{F0077A6B-A770-40D3-AE30-9ED6FABBBC74}" srcOrd="1" destOrd="0" presId="urn:microsoft.com/office/officeart/2005/8/layout/cycle2"/>
    <dgm:cxn modelId="{EAA42064-2481-4CD4-BF70-8C20AFBD36C8}" type="presOf" srcId="{3DF8F1EB-5EFB-49B9-8F74-94F5F87720E8}" destId="{17467B67-A001-4B8A-B8DA-78DC25A04957}" srcOrd="1" destOrd="0" presId="urn:microsoft.com/office/officeart/2005/8/layout/cycle2"/>
    <dgm:cxn modelId="{C483CD45-5F30-4A90-9593-B1FD3DE7FEFA}" srcId="{B118A677-901D-4501-89DF-79ABF8D3935B}" destId="{3C63CF14-15E0-4A52-978C-E2775CF2F6D6}" srcOrd="6" destOrd="0" parTransId="{1074FAEA-468D-4264-9013-AC0D9B121032}" sibTransId="{A59AA7F0-56E4-41B2-8EEA-61E33CC5C7E6}"/>
    <dgm:cxn modelId="{E0D1F265-2DBC-493C-99EF-C6C4178A27A6}" type="presOf" srcId="{57042113-06A4-4B2F-A0EF-75FBD645B6F0}" destId="{62117C00-F47F-45BD-A88D-EC573CA4A872}" srcOrd="0" destOrd="0" presId="urn:microsoft.com/office/officeart/2005/8/layout/cycle2"/>
    <dgm:cxn modelId="{F20C626D-995F-4185-9704-6E163DA2038D}" type="presOf" srcId="{54BEF38F-23C0-4EB4-9DA8-9662545D0F9D}" destId="{D128A369-76A0-4D4D-835F-808E2E70F7D2}" srcOrd="1" destOrd="0" presId="urn:microsoft.com/office/officeart/2005/8/layout/cycle2"/>
    <dgm:cxn modelId="{DF42526D-8AE0-40DD-8C92-1201B0CA829D}" type="presOf" srcId="{40F7633A-E389-4232-A561-7C62CB33DF57}" destId="{1A417AE2-7DCE-4A5B-AA84-E44756AEBA25}" srcOrd="0" destOrd="0" presId="urn:microsoft.com/office/officeart/2005/8/layout/cycle2"/>
    <dgm:cxn modelId="{B87DF84F-12DB-4967-B9AA-9AC355CAF162}" type="presOf" srcId="{6C64FDEA-0C82-4D3D-923A-F1470E2AAD2B}" destId="{82208B9D-5B84-4A53-8BD1-061C482929AE}" srcOrd="0" destOrd="0" presId="urn:microsoft.com/office/officeart/2005/8/layout/cycle2"/>
    <dgm:cxn modelId="{96D47C50-298A-4F89-8AE3-C0FE760594FB}" type="presOf" srcId="{B118A677-901D-4501-89DF-79ABF8D3935B}" destId="{C75CA068-B8FA-4E41-AF5E-5E9C35B970CF}" srcOrd="0" destOrd="0" presId="urn:microsoft.com/office/officeart/2005/8/layout/cycle2"/>
    <dgm:cxn modelId="{4C9CDF53-E1DC-4DF2-9EF8-2835C0501261}" type="presOf" srcId="{C57DFDF2-89C6-4115-8F49-F85E2EA27E14}" destId="{7DA4E6F5-5F82-4992-89FB-9A13017CE0DB}" srcOrd="0" destOrd="0" presId="urn:microsoft.com/office/officeart/2005/8/layout/cycle2"/>
    <dgm:cxn modelId="{8D330175-33C0-4F58-89B2-E48FDA8597C4}" type="presOf" srcId="{3B03D8DA-7765-4D4F-8302-CF83DA1FC68E}" destId="{72DBBB8A-A9D2-4A5B-A5A3-76FDD3B65AE9}" srcOrd="0" destOrd="0" presId="urn:microsoft.com/office/officeart/2005/8/layout/cycle2"/>
    <dgm:cxn modelId="{84DECF76-B8EE-4EA9-9801-018BCCA43CC4}" srcId="{B118A677-901D-4501-89DF-79ABF8D3935B}" destId="{4F982BC8-1B5C-4792-B676-185BAA7B19E4}" srcOrd="8" destOrd="0" parTransId="{7EC6E69F-4317-4A8B-8950-B5FC26C07631}" sibTransId="{B2F803B2-7362-44B8-B917-A82A9F5C7045}"/>
    <dgm:cxn modelId="{1F59615A-DCAC-4ED0-8C5D-E885251127A2}" srcId="{B118A677-901D-4501-89DF-79ABF8D3935B}" destId="{6C64FDEA-0C82-4D3D-923A-F1470E2AAD2B}" srcOrd="0" destOrd="0" parTransId="{EFF114DD-9689-40CF-A8DA-C184CA4EEB7B}" sibTransId="{118B9D56-ED67-4BB8-B18D-3922DD6B883F}"/>
    <dgm:cxn modelId="{7A3DA681-181A-40C3-AA5B-E3F3F41FDDFD}" type="presOf" srcId="{321A4854-A173-48F2-8DD7-DEC3BD2E87F7}" destId="{4AE07AC6-7BCC-4259-9258-302018F09847}" srcOrd="1" destOrd="0" presId="urn:microsoft.com/office/officeart/2005/8/layout/cycle2"/>
    <dgm:cxn modelId="{6F07F2A5-2F9D-4110-B308-68F50E1C73C7}" srcId="{B118A677-901D-4501-89DF-79ABF8D3935B}" destId="{3B03D8DA-7765-4D4F-8302-CF83DA1FC68E}" srcOrd="5" destOrd="0" parTransId="{98208D4D-026D-4E14-8CEE-00296E217E49}" sibTransId="{712CB416-C9B9-4720-BB84-1D45B548642D}"/>
    <dgm:cxn modelId="{3AED8DA9-078B-4372-A2CB-7CAC0CA5AB1F}" type="presOf" srcId="{1B4C8C19-5181-4108-89BC-F55BA174E360}" destId="{C5FBF30B-7429-4704-90D2-4454965FD314}" srcOrd="0" destOrd="0" presId="urn:microsoft.com/office/officeart/2005/8/layout/cycle2"/>
    <dgm:cxn modelId="{5A3AD7AF-0A7D-496E-9876-F2E23913FA1F}" type="presOf" srcId="{A59AA7F0-56E4-41B2-8EEA-61E33CC5C7E6}" destId="{3A8E9418-1B85-41DA-A8B4-76F2AEC9B2DE}" srcOrd="0" destOrd="0" presId="urn:microsoft.com/office/officeart/2005/8/layout/cycle2"/>
    <dgm:cxn modelId="{291A37B3-FF18-4FFD-9108-C25B4F6E54CE}" type="presOf" srcId="{129C7060-BCCD-44D2-BD51-8DD3DAAAC67F}" destId="{04EF35E1-6994-4CD2-A609-A995D5D54997}" srcOrd="0" destOrd="0" presId="urn:microsoft.com/office/officeart/2005/8/layout/cycle2"/>
    <dgm:cxn modelId="{32D873B6-EAD1-427D-BDBB-350F5F289ADA}" srcId="{B118A677-901D-4501-89DF-79ABF8D3935B}" destId="{1B4C8C19-5181-4108-89BC-F55BA174E360}" srcOrd="4" destOrd="0" parTransId="{057A7C1C-8F71-4437-AFC7-4B9AEAEF129F}" sibTransId="{54BEF38F-23C0-4EB4-9DA8-9662545D0F9D}"/>
    <dgm:cxn modelId="{6D4A5CB7-D4D2-450A-8D68-7CD4101D8A50}" type="presOf" srcId="{118B9D56-ED67-4BB8-B18D-3922DD6B883F}" destId="{B57CADB5-1B31-4D16-A024-FBA616362696}" srcOrd="1" destOrd="0" presId="urn:microsoft.com/office/officeart/2005/8/layout/cycle2"/>
    <dgm:cxn modelId="{A6A5F3BA-CE05-40F8-93C8-D1B903BB6609}" type="presOf" srcId="{712CB416-C9B9-4720-BB84-1D45B548642D}" destId="{9591738F-221A-46C9-9612-3024E355C661}" srcOrd="1" destOrd="0" presId="urn:microsoft.com/office/officeart/2005/8/layout/cycle2"/>
    <dgm:cxn modelId="{0F4393BD-32AF-4665-8848-D02398DF0343}" type="presOf" srcId="{B9A85ABC-BBC6-46A8-8A84-DAAF96A6B413}" destId="{3D28F87A-A54F-4F9E-93D0-051E140E9CB8}" srcOrd="0" destOrd="0" presId="urn:microsoft.com/office/officeart/2005/8/layout/cycle2"/>
    <dgm:cxn modelId="{3305ABC0-6429-4D57-8598-6CECAD1B8F82}" srcId="{B118A677-901D-4501-89DF-79ABF8D3935B}" destId="{5381A8B2-3354-4396-AE64-57DAC151BCA1}" srcOrd="9" destOrd="0" parTransId="{DBDA36F8-8932-4578-8E89-1E7DE41B00A1}" sibTransId="{321A4854-A173-48F2-8DD7-DEC3BD2E87F7}"/>
    <dgm:cxn modelId="{8D38A6C4-27F8-4E48-8580-A2E23792858B}" type="presOf" srcId="{4F982BC8-1B5C-4792-B676-185BAA7B19E4}" destId="{CDB41F4F-688C-4490-B89A-F947556A62B7}" srcOrd="0" destOrd="0" presId="urn:microsoft.com/office/officeart/2005/8/layout/cycle2"/>
    <dgm:cxn modelId="{31034EC5-5D5E-4D63-BEBF-8F1AB669D774}" srcId="{B118A677-901D-4501-89DF-79ABF8D3935B}" destId="{40F7633A-E389-4232-A561-7C62CB33DF57}" srcOrd="7" destOrd="0" parTransId="{C28C3D76-7443-46B7-9F76-B461EB67C9D5}" sibTransId="{C57DFDF2-89C6-4115-8F49-F85E2EA27E14}"/>
    <dgm:cxn modelId="{FEBC28CE-E559-420D-9D17-867919B3DA3C}" type="presOf" srcId="{5381A8B2-3354-4396-AE64-57DAC151BCA1}" destId="{34E71618-BC08-4DDB-8255-A70153FCCC66}" srcOrd="0" destOrd="0" presId="urn:microsoft.com/office/officeart/2005/8/layout/cycle2"/>
    <dgm:cxn modelId="{237A6BD5-8EF8-4915-8706-6B6ADDEDE03B}" type="presOf" srcId="{321A4854-A173-48F2-8DD7-DEC3BD2E87F7}" destId="{837037DB-FD11-48C1-8969-B6A62613B709}" srcOrd="0" destOrd="0" presId="urn:microsoft.com/office/officeart/2005/8/layout/cycle2"/>
    <dgm:cxn modelId="{FA3C71E5-6EC9-463D-AB4E-D7172DC60803}" type="presOf" srcId="{B2F803B2-7362-44B8-B917-A82A9F5C7045}" destId="{D1598D26-F537-4878-977E-1292BAB1AC8C}" srcOrd="1" destOrd="0" presId="urn:microsoft.com/office/officeart/2005/8/layout/cycle2"/>
    <dgm:cxn modelId="{F79CB3E6-DA0A-44E1-B237-4FE9C1C8BD11}" srcId="{B118A677-901D-4501-89DF-79ABF8D3935B}" destId="{129C7060-BCCD-44D2-BD51-8DD3DAAAC67F}" srcOrd="1" destOrd="0" parTransId="{55480C4E-5164-437F-B1AE-FB95A0B1A8F2}" sibTransId="{57042113-06A4-4B2F-A0EF-75FBD645B6F0}"/>
    <dgm:cxn modelId="{FE74D2E8-61D4-4C4F-8B60-27BDBA2DFCA4}" type="presOf" srcId="{3C63CF14-15E0-4A52-978C-E2775CF2F6D6}" destId="{35D7121D-85F0-4E7F-8752-D7A676C355D2}" srcOrd="0" destOrd="0" presId="urn:microsoft.com/office/officeart/2005/8/layout/cycle2"/>
    <dgm:cxn modelId="{B4DD49EF-E2BD-4A49-A804-AD7B18127F91}" type="presOf" srcId="{A59AA7F0-56E4-41B2-8EEA-61E33CC5C7E6}" destId="{5A3D895A-10C8-458C-9A06-08B816232134}" srcOrd="1" destOrd="0" presId="urn:microsoft.com/office/officeart/2005/8/layout/cycle2"/>
    <dgm:cxn modelId="{C65E01F0-2324-4829-8660-4FF6E71A7776}" srcId="{B118A677-901D-4501-89DF-79ABF8D3935B}" destId="{B9A85ABC-BBC6-46A8-8A84-DAAF96A6B413}" srcOrd="2" destOrd="0" parTransId="{0297952C-63E2-4E14-A356-02FC186317FC}" sibTransId="{241DB423-7F03-4333-9915-C66C510039B0}"/>
    <dgm:cxn modelId="{91DC0FF3-110F-436D-A109-EA85EB588E98}" srcId="{B118A677-901D-4501-89DF-79ABF8D3935B}" destId="{C410CF56-CB2E-43DC-8718-2B18E6D79976}" srcOrd="3" destOrd="0" parTransId="{190972F5-28D8-411D-8015-9EE8551338ED}" sibTransId="{3DF8F1EB-5EFB-49B9-8F74-94F5F87720E8}"/>
    <dgm:cxn modelId="{B52451FF-4DC3-4D0F-A3ED-F5A79F66F50E}" type="presOf" srcId="{B2F803B2-7362-44B8-B917-A82A9F5C7045}" destId="{EFB7B187-C31B-40AD-BE1E-5BA7F7DB24E7}" srcOrd="0" destOrd="0" presId="urn:microsoft.com/office/officeart/2005/8/layout/cycle2"/>
    <dgm:cxn modelId="{8D081AEF-C443-4F2B-A3BE-DCD2C2C83DCE}" type="presParOf" srcId="{C75CA068-B8FA-4E41-AF5E-5E9C35B970CF}" destId="{82208B9D-5B84-4A53-8BD1-061C482929AE}" srcOrd="0" destOrd="0" presId="urn:microsoft.com/office/officeart/2005/8/layout/cycle2"/>
    <dgm:cxn modelId="{1BC1A167-5E62-459F-8DBB-55EADF82A18C}" type="presParOf" srcId="{C75CA068-B8FA-4E41-AF5E-5E9C35B970CF}" destId="{E8FAE9D3-1392-4DA1-84B6-4CCB220C3BB8}" srcOrd="1" destOrd="0" presId="urn:microsoft.com/office/officeart/2005/8/layout/cycle2"/>
    <dgm:cxn modelId="{4A58E40A-77DF-47D8-A1DD-557D58F5CB02}" type="presParOf" srcId="{E8FAE9D3-1392-4DA1-84B6-4CCB220C3BB8}" destId="{B57CADB5-1B31-4D16-A024-FBA616362696}" srcOrd="0" destOrd="0" presId="urn:microsoft.com/office/officeart/2005/8/layout/cycle2"/>
    <dgm:cxn modelId="{F828F5CF-B155-48B3-B40B-58997E28D111}" type="presParOf" srcId="{C75CA068-B8FA-4E41-AF5E-5E9C35B970CF}" destId="{04EF35E1-6994-4CD2-A609-A995D5D54997}" srcOrd="2" destOrd="0" presId="urn:microsoft.com/office/officeart/2005/8/layout/cycle2"/>
    <dgm:cxn modelId="{7AD56003-7FED-481B-A208-1C713AF21D94}" type="presParOf" srcId="{C75CA068-B8FA-4E41-AF5E-5E9C35B970CF}" destId="{62117C00-F47F-45BD-A88D-EC573CA4A872}" srcOrd="3" destOrd="0" presId="urn:microsoft.com/office/officeart/2005/8/layout/cycle2"/>
    <dgm:cxn modelId="{A94FA754-37F2-44DB-BABB-FB7B9F8FBAA8}" type="presParOf" srcId="{62117C00-F47F-45BD-A88D-EC573CA4A872}" destId="{F0077A6B-A770-40D3-AE30-9ED6FABBBC74}" srcOrd="0" destOrd="0" presId="urn:microsoft.com/office/officeart/2005/8/layout/cycle2"/>
    <dgm:cxn modelId="{FDB860C3-DADB-4305-AB62-6A3BE6A9AC11}" type="presParOf" srcId="{C75CA068-B8FA-4E41-AF5E-5E9C35B970CF}" destId="{3D28F87A-A54F-4F9E-93D0-051E140E9CB8}" srcOrd="4" destOrd="0" presId="urn:microsoft.com/office/officeart/2005/8/layout/cycle2"/>
    <dgm:cxn modelId="{94DE3202-2104-4713-A3A8-8592083EC695}" type="presParOf" srcId="{C75CA068-B8FA-4E41-AF5E-5E9C35B970CF}" destId="{222EE20C-312F-49E9-A1FD-0D95FA7C24E1}" srcOrd="5" destOrd="0" presId="urn:microsoft.com/office/officeart/2005/8/layout/cycle2"/>
    <dgm:cxn modelId="{7CD3866B-E6A8-4B1A-AE9E-623A83E9936A}" type="presParOf" srcId="{222EE20C-312F-49E9-A1FD-0D95FA7C24E1}" destId="{DDAA37DD-516F-48B4-9C36-1122FAAD53FD}" srcOrd="0" destOrd="0" presId="urn:microsoft.com/office/officeart/2005/8/layout/cycle2"/>
    <dgm:cxn modelId="{2E13FDA4-91BE-4BC0-B542-E4B9F27B6F6D}" type="presParOf" srcId="{C75CA068-B8FA-4E41-AF5E-5E9C35B970CF}" destId="{9E72C8EC-FC87-45A1-81BD-5C62AFED15E0}" srcOrd="6" destOrd="0" presId="urn:microsoft.com/office/officeart/2005/8/layout/cycle2"/>
    <dgm:cxn modelId="{FF664032-3501-441B-A980-B680C019890B}" type="presParOf" srcId="{C75CA068-B8FA-4E41-AF5E-5E9C35B970CF}" destId="{4172FDB8-FD75-44E6-B636-F169466EA6F2}" srcOrd="7" destOrd="0" presId="urn:microsoft.com/office/officeart/2005/8/layout/cycle2"/>
    <dgm:cxn modelId="{F8B48CBC-D701-4B6F-B136-C2AD926A5D92}" type="presParOf" srcId="{4172FDB8-FD75-44E6-B636-F169466EA6F2}" destId="{17467B67-A001-4B8A-B8DA-78DC25A04957}" srcOrd="0" destOrd="0" presId="urn:microsoft.com/office/officeart/2005/8/layout/cycle2"/>
    <dgm:cxn modelId="{AFDB771F-83A1-4F4E-94AE-26FE8B54590B}" type="presParOf" srcId="{C75CA068-B8FA-4E41-AF5E-5E9C35B970CF}" destId="{C5FBF30B-7429-4704-90D2-4454965FD314}" srcOrd="8" destOrd="0" presId="urn:microsoft.com/office/officeart/2005/8/layout/cycle2"/>
    <dgm:cxn modelId="{DDF3DEFE-C044-4BC5-B9A8-DBB0DFE2092B}" type="presParOf" srcId="{C75CA068-B8FA-4E41-AF5E-5E9C35B970CF}" destId="{9BDCB39E-9B45-4116-ADAB-0FEE6C6B1C4B}" srcOrd="9" destOrd="0" presId="urn:microsoft.com/office/officeart/2005/8/layout/cycle2"/>
    <dgm:cxn modelId="{C4EB160D-46A1-4B4D-AA4C-9F77206057B3}" type="presParOf" srcId="{9BDCB39E-9B45-4116-ADAB-0FEE6C6B1C4B}" destId="{D128A369-76A0-4D4D-835F-808E2E70F7D2}" srcOrd="0" destOrd="0" presId="urn:microsoft.com/office/officeart/2005/8/layout/cycle2"/>
    <dgm:cxn modelId="{4BA6910B-0A98-4E6B-B908-A70E2B962093}" type="presParOf" srcId="{C75CA068-B8FA-4E41-AF5E-5E9C35B970CF}" destId="{72DBBB8A-A9D2-4A5B-A5A3-76FDD3B65AE9}" srcOrd="10" destOrd="0" presId="urn:microsoft.com/office/officeart/2005/8/layout/cycle2"/>
    <dgm:cxn modelId="{A1E02D38-E229-4F55-98A7-06C1F61C4200}" type="presParOf" srcId="{C75CA068-B8FA-4E41-AF5E-5E9C35B970CF}" destId="{5C8BDD24-6C65-47C3-86C6-768CD8448650}" srcOrd="11" destOrd="0" presId="urn:microsoft.com/office/officeart/2005/8/layout/cycle2"/>
    <dgm:cxn modelId="{FA75B905-9B4D-4E45-8A27-772B86CF68B2}" type="presParOf" srcId="{5C8BDD24-6C65-47C3-86C6-768CD8448650}" destId="{9591738F-221A-46C9-9612-3024E355C661}" srcOrd="0" destOrd="0" presId="urn:microsoft.com/office/officeart/2005/8/layout/cycle2"/>
    <dgm:cxn modelId="{ECA79A72-C194-4C52-BDAD-B95471163FDD}" type="presParOf" srcId="{C75CA068-B8FA-4E41-AF5E-5E9C35B970CF}" destId="{35D7121D-85F0-4E7F-8752-D7A676C355D2}" srcOrd="12" destOrd="0" presId="urn:microsoft.com/office/officeart/2005/8/layout/cycle2"/>
    <dgm:cxn modelId="{B57F1AC5-6C2B-4A95-9858-8D7F0780ADB3}" type="presParOf" srcId="{C75CA068-B8FA-4E41-AF5E-5E9C35B970CF}" destId="{3A8E9418-1B85-41DA-A8B4-76F2AEC9B2DE}" srcOrd="13" destOrd="0" presId="urn:microsoft.com/office/officeart/2005/8/layout/cycle2"/>
    <dgm:cxn modelId="{1025F85C-3C48-4AA4-B742-8FBFF1DB4C84}" type="presParOf" srcId="{3A8E9418-1B85-41DA-A8B4-76F2AEC9B2DE}" destId="{5A3D895A-10C8-458C-9A06-08B816232134}" srcOrd="0" destOrd="0" presId="urn:microsoft.com/office/officeart/2005/8/layout/cycle2"/>
    <dgm:cxn modelId="{39DB532B-4F29-41E2-A709-697B4F966F87}" type="presParOf" srcId="{C75CA068-B8FA-4E41-AF5E-5E9C35B970CF}" destId="{1A417AE2-7DCE-4A5B-AA84-E44756AEBA25}" srcOrd="14" destOrd="0" presId="urn:microsoft.com/office/officeart/2005/8/layout/cycle2"/>
    <dgm:cxn modelId="{3F10AFBA-5A45-401B-860B-00881AD831D1}" type="presParOf" srcId="{C75CA068-B8FA-4E41-AF5E-5E9C35B970CF}" destId="{7DA4E6F5-5F82-4992-89FB-9A13017CE0DB}" srcOrd="15" destOrd="0" presId="urn:microsoft.com/office/officeart/2005/8/layout/cycle2"/>
    <dgm:cxn modelId="{2AB126A4-4BCB-477A-B91F-DA65ADD765DD}" type="presParOf" srcId="{7DA4E6F5-5F82-4992-89FB-9A13017CE0DB}" destId="{627745EE-3BBA-4490-8B73-15AA4EE90DE8}" srcOrd="0" destOrd="0" presId="urn:microsoft.com/office/officeart/2005/8/layout/cycle2"/>
    <dgm:cxn modelId="{5D3907F2-1F91-44D7-9550-2348D8B32F65}" type="presParOf" srcId="{C75CA068-B8FA-4E41-AF5E-5E9C35B970CF}" destId="{CDB41F4F-688C-4490-B89A-F947556A62B7}" srcOrd="16" destOrd="0" presId="urn:microsoft.com/office/officeart/2005/8/layout/cycle2"/>
    <dgm:cxn modelId="{A88536CB-FDB0-42E7-BCB5-6BFC1D745E22}" type="presParOf" srcId="{C75CA068-B8FA-4E41-AF5E-5E9C35B970CF}" destId="{EFB7B187-C31B-40AD-BE1E-5BA7F7DB24E7}" srcOrd="17" destOrd="0" presId="urn:microsoft.com/office/officeart/2005/8/layout/cycle2"/>
    <dgm:cxn modelId="{B837ACAC-24CF-43A7-884B-FCA928A46498}" type="presParOf" srcId="{EFB7B187-C31B-40AD-BE1E-5BA7F7DB24E7}" destId="{D1598D26-F537-4878-977E-1292BAB1AC8C}" srcOrd="0" destOrd="0" presId="urn:microsoft.com/office/officeart/2005/8/layout/cycle2"/>
    <dgm:cxn modelId="{EEC3011F-3FE4-41E6-B627-069E851C0B52}" type="presParOf" srcId="{C75CA068-B8FA-4E41-AF5E-5E9C35B970CF}" destId="{34E71618-BC08-4DDB-8255-A70153FCCC66}" srcOrd="18" destOrd="0" presId="urn:microsoft.com/office/officeart/2005/8/layout/cycle2"/>
    <dgm:cxn modelId="{ABB5EA70-E4A6-4B61-AF79-63EAD5406AAB}" type="presParOf" srcId="{C75CA068-B8FA-4E41-AF5E-5E9C35B970CF}" destId="{837037DB-FD11-48C1-8969-B6A62613B709}" srcOrd="19" destOrd="0" presId="urn:microsoft.com/office/officeart/2005/8/layout/cycle2"/>
    <dgm:cxn modelId="{DF62338A-7A9B-49A3-8DF4-DE72671CE66D}" type="presParOf" srcId="{837037DB-FD11-48C1-8969-B6A62613B709}" destId="{4AE07AC6-7BCC-4259-9258-302018F09847}" srcOrd="0" destOrd="0" presId="urn:microsoft.com/office/officeart/2005/8/layout/cycle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9567D971-7207-40DE-8CE4-A0A20534CBD0}"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US"/>
        </a:p>
      </dgm:t>
    </dgm:pt>
    <dgm:pt modelId="{3AD524C8-6450-4EDB-A668-14276E2D1A94}">
      <dgm:prSet phldrT="[Text]" custT="1"/>
      <dgm:spPr/>
      <dgm:t>
        <a:bodyPr/>
        <a:lstStyle/>
        <a:p>
          <a:r>
            <a:rPr lang="en-US" sz="1400" b="1" dirty="0">
              <a:ln>
                <a:noFill/>
              </a:ln>
              <a:solidFill>
                <a:sysClr val="windowText" lastClr="000000"/>
              </a:solidFill>
            </a:rPr>
            <a:t>Functional &amp; Useful M&amp;E System</a:t>
          </a:r>
          <a:endParaRPr lang="en-US" sz="1400" dirty="0">
            <a:ln>
              <a:noFill/>
            </a:ln>
            <a:solidFill>
              <a:sysClr val="windowText" lastClr="000000"/>
            </a:solidFill>
          </a:endParaRPr>
        </a:p>
      </dgm:t>
    </dgm:pt>
    <dgm:pt modelId="{9FE45587-6D36-448F-BC1F-4500CBC0A054}" type="parTrans" cxnId="{3BAE5F3C-EF71-4562-AF71-EC9258A4356A}">
      <dgm:prSet/>
      <dgm:spPr/>
      <dgm:t>
        <a:bodyPr/>
        <a:lstStyle/>
        <a:p>
          <a:endParaRPr lang="en-US" sz="1400">
            <a:ln>
              <a:noFill/>
            </a:ln>
            <a:solidFill>
              <a:sysClr val="windowText" lastClr="000000"/>
            </a:solidFill>
          </a:endParaRPr>
        </a:p>
      </dgm:t>
    </dgm:pt>
    <dgm:pt modelId="{24F4F9FD-15D5-4E2F-B5DA-63B50B1F0DD1}" type="sibTrans" cxnId="{3BAE5F3C-EF71-4562-AF71-EC9258A4356A}">
      <dgm:prSet/>
      <dgm:spPr/>
      <dgm:t>
        <a:bodyPr/>
        <a:lstStyle/>
        <a:p>
          <a:endParaRPr lang="en-US" sz="1400">
            <a:ln>
              <a:noFill/>
            </a:ln>
            <a:solidFill>
              <a:sysClr val="windowText" lastClr="000000"/>
            </a:solidFill>
          </a:endParaRPr>
        </a:p>
      </dgm:t>
    </dgm:pt>
    <dgm:pt modelId="{A30E6A28-DBD8-435F-BF5E-F3B604A5F5A3}">
      <dgm:prSet phldrT="[Text]" custT="1"/>
      <dgm:spPr>
        <a:solidFill>
          <a:schemeClr val="accent2"/>
        </a:solidFill>
      </dgm:spPr>
      <dgm:t>
        <a:bodyPr/>
        <a:lstStyle/>
        <a:p>
          <a:r>
            <a:rPr lang="en-US" sz="1400" dirty="0">
              <a:ln>
                <a:noFill/>
              </a:ln>
              <a:solidFill>
                <a:sysClr val="windowText" lastClr="000000"/>
              </a:solidFill>
            </a:rPr>
            <a:t>1. Data Demand</a:t>
          </a:r>
        </a:p>
      </dgm:t>
    </dgm:pt>
    <dgm:pt modelId="{13EBBFC6-55A6-4FEF-BF00-2533489F5D0C}" type="parTrans" cxnId="{8BE806D8-309D-48B6-ACD8-C460F12FA534}">
      <dgm:prSet/>
      <dgm:spPr/>
      <dgm:t>
        <a:bodyPr/>
        <a:lstStyle/>
        <a:p>
          <a:endParaRPr lang="en-US" sz="1400">
            <a:ln>
              <a:noFill/>
            </a:ln>
            <a:solidFill>
              <a:sysClr val="windowText" lastClr="000000"/>
            </a:solidFill>
          </a:endParaRPr>
        </a:p>
      </dgm:t>
    </dgm:pt>
    <dgm:pt modelId="{15F5780F-C5A7-4B9F-A844-F79BC227DECD}" type="sibTrans" cxnId="{8BE806D8-309D-48B6-ACD8-C460F12FA534}">
      <dgm:prSet/>
      <dgm:spPr/>
      <dgm:t>
        <a:bodyPr/>
        <a:lstStyle/>
        <a:p>
          <a:endParaRPr lang="en-US" sz="1400">
            <a:ln>
              <a:noFill/>
            </a:ln>
            <a:solidFill>
              <a:sysClr val="windowText" lastClr="000000"/>
            </a:solidFill>
          </a:endParaRPr>
        </a:p>
      </dgm:t>
    </dgm:pt>
    <dgm:pt modelId="{26AD6EC9-93F9-4AD9-A99A-6BC261C6A722}">
      <dgm:prSet phldrT="[Text]" custT="1"/>
      <dgm:spPr/>
      <dgm:t>
        <a:bodyPr/>
        <a:lstStyle/>
        <a:p>
          <a:pPr algn="ctr"/>
          <a:r>
            <a:rPr lang="en-US" sz="1400" b="1" dirty="0">
              <a:ln>
                <a:noFill/>
              </a:ln>
              <a:solidFill>
                <a:sysClr val="windowText" lastClr="000000"/>
              </a:solidFill>
            </a:rPr>
            <a:t>Objective: </a:t>
          </a:r>
          <a:endParaRPr lang="en-US" sz="1400" dirty="0">
            <a:ln>
              <a:noFill/>
            </a:ln>
            <a:solidFill>
              <a:sysClr val="windowText" lastClr="000000"/>
            </a:solidFill>
          </a:endParaRPr>
        </a:p>
      </dgm:t>
    </dgm:pt>
    <dgm:pt modelId="{0B985CA1-1A72-40BA-A55D-6DDADD7BF185}" type="parTrans" cxnId="{A50D5500-60E7-4741-9525-1F4E789A0791}">
      <dgm:prSet/>
      <dgm:spPr/>
      <dgm:t>
        <a:bodyPr/>
        <a:lstStyle/>
        <a:p>
          <a:endParaRPr lang="en-US" sz="1400">
            <a:ln>
              <a:noFill/>
            </a:ln>
            <a:solidFill>
              <a:sysClr val="windowText" lastClr="000000"/>
            </a:solidFill>
          </a:endParaRPr>
        </a:p>
      </dgm:t>
    </dgm:pt>
    <dgm:pt modelId="{510E31D6-3364-465F-A977-77BAABA85972}" type="sibTrans" cxnId="{A50D5500-60E7-4741-9525-1F4E789A0791}">
      <dgm:prSet/>
      <dgm:spPr/>
      <dgm:t>
        <a:bodyPr/>
        <a:lstStyle/>
        <a:p>
          <a:endParaRPr lang="en-US" sz="1400">
            <a:ln>
              <a:noFill/>
            </a:ln>
            <a:solidFill>
              <a:sysClr val="windowText" lastClr="000000"/>
            </a:solidFill>
          </a:endParaRPr>
        </a:p>
      </dgm:t>
    </dgm:pt>
    <dgm:pt modelId="{BF1956AC-682C-46D5-9A55-8676D57D0328}">
      <dgm:prSet phldrT="[Text]" custT="1"/>
      <dgm:spPr>
        <a:solidFill>
          <a:schemeClr val="accent2"/>
        </a:solidFill>
      </dgm:spPr>
      <dgm:t>
        <a:bodyPr/>
        <a:lstStyle/>
        <a:p>
          <a:pPr algn="ctr"/>
          <a:r>
            <a:rPr lang="en-US" sz="1400" dirty="0">
              <a:ln>
                <a:noFill/>
              </a:ln>
              <a:solidFill>
                <a:sysClr val="windowText" lastClr="000000"/>
              </a:solidFill>
            </a:rPr>
            <a:t>Outcomes:</a:t>
          </a:r>
        </a:p>
      </dgm:t>
    </dgm:pt>
    <dgm:pt modelId="{9C3079A6-69F9-4E41-A8C6-E179594383C5}" type="parTrans" cxnId="{24BD031B-A2D4-4373-82E2-AD14068B67A3}">
      <dgm:prSet/>
      <dgm:spPr/>
      <dgm:t>
        <a:bodyPr/>
        <a:lstStyle/>
        <a:p>
          <a:endParaRPr lang="en-US" sz="1400">
            <a:ln>
              <a:noFill/>
            </a:ln>
            <a:solidFill>
              <a:sysClr val="windowText" lastClr="000000"/>
            </a:solidFill>
          </a:endParaRPr>
        </a:p>
      </dgm:t>
    </dgm:pt>
    <dgm:pt modelId="{E2F6E39D-37CD-43F5-8497-DD17F9483526}" type="sibTrans" cxnId="{24BD031B-A2D4-4373-82E2-AD14068B67A3}">
      <dgm:prSet/>
      <dgm:spPr/>
      <dgm:t>
        <a:bodyPr/>
        <a:lstStyle/>
        <a:p>
          <a:endParaRPr lang="en-US" sz="1400">
            <a:ln>
              <a:noFill/>
            </a:ln>
            <a:solidFill>
              <a:sysClr val="windowText" lastClr="000000"/>
            </a:solidFill>
          </a:endParaRPr>
        </a:p>
      </dgm:t>
    </dgm:pt>
    <dgm:pt modelId="{3E2449B9-B1EA-4A56-921A-85B91721E4AE}">
      <dgm:prSet phldrT="[Text]" custT="1"/>
      <dgm:spPr>
        <a:solidFill>
          <a:schemeClr val="accent2"/>
        </a:solidFill>
      </dgm:spPr>
      <dgm:t>
        <a:bodyPr/>
        <a:lstStyle/>
        <a:p>
          <a:r>
            <a:rPr lang="en-US" sz="1400" dirty="0">
              <a:ln>
                <a:noFill/>
              </a:ln>
              <a:solidFill>
                <a:sysClr val="windowText" lastClr="000000"/>
              </a:solidFill>
            </a:rPr>
            <a:t>5. Administer M&amp;E Activities</a:t>
          </a:r>
        </a:p>
      </dgm:t>
    </dgm:pt>
    <dgm:pt modelId="{31BBFF02-81B5-4143-93BD-8B52410468DF}" type="parTrans" cxnId="{DB4DB783-2AF6-417E-A82E-7D16903347DE}">
      <dgm:prSet/>
      <dgm:spPr/>
      <dgm:t>
        <a:bodyPr/>
        <a:lstStyle/>
        <a:p>
          <a:endParaRPr lang="en-US" sz="1400">
            <a:ln>
              <a:noFill/>
            </a:ln>
            <a:solidFill>
              <a:sysClr val="windowText" lastClr="000000"/>
            </a:solidFill>
          </a:endParaRPr>
        </a:p>
      </dgm:t>
    </dgm:pt>
    <dgm:pt modelId="{79034042-E6E2-4FB6-A1DC-9F58F54D71A7}" type="sibTrans" cxnId="{DB4DB783-2AF6-417E-A82E-7D16903347DE}">
      <dgm:prSet/>
      <dgm:spPr/>
      <dgm:t>
        <a:bodyPr/>
        <a:lstStyle/>
        <a:p>
          <a:endParaRPr lang="en-US" sz="1400">
            <a:ln>
              <a:noFill/>
            </a:ln>
            <a:solidFill>
              <a:sysClr val="windowText" lastClr="000000"/>
            </a:solidFill>
          </a:endParaRPr>
        </a:p>
      </dgm:t>
    </dgm:pt>
    <dgm:pt modelId="{213E6ACA-5522-46BA-A2C9-6DD292D670D8}">
      <dgm:prSet phldrT="[Text]" custT="1"/>
      <dgm:spPr>
        <a:solidFill>
          <a:schemeClr val="accent2"/>
        </a:solidFill>
      </dgm:spPr>
      <dgm:t>
        <a:bodyPr/>
        <a:lstStyle/>
        <a:p>
          <a:r>
            <a:rPr lang="en-US" sz="1400" dirty="0">
              <a:ln>
                <a:noFill/>
              </a:ln>
              <a:solidFill>
                <a:sysClr val="windowText" lastClr="000000"/>
              </a:solidFill>
            </a:rPr>
            <a:t>2. Data Collection,  Processing, Management</a:t>
          </a:r>
        </a:p>
      </dgm:t>
    </dgm:pt>
    <dgm:pt modelId="{945A9356-2F5D-46EC-9E0F-01D28729E1B3}" type="parTrans" cxnId="{8364A520-5AB5-4334-94AD-2CD3ACEB27FC}">
      <dgm:prSet/>
      <dgm:spPr/>
      <dgm:t>
        <a:bodyPr/>
        <a:lstStyle/>
        <a:p>
          <a:endParaRPr lang="en-US" sz="1400">
            <a:ln>
              <a:noFill/>
            </a:ln>
            <a:solidFill>
              <a:sysClr val="windowText" lastClr="000000"/>
            </a:solidFill>
          </a:endParaRPr>
        </a:p>
      </dgm:t>
    </dgm:pt>
    <dgm:pt modelId="{9F7E137F-C539-48B6-BD7E-E595F8DC7B68}" type="sibTrans" cxnId="{8364A520-5AB5-4334-94AD-2CD3ACEB27FC}">
      <dgm:prSet/>
      <dgm:spPr/>
      <dgm:t>
        <a:bodyPr/>
        <a:lstStyle/>
        <a:p>
          <a:endParaRPr lang="en-US" sz="1400">
            <a:ln>
              <a:noFill/>
            </a:ln>
            <a:solidFill>
              <a:sysClr val="windowText" lastClr="000000"/>
            </a:solidFill>
          </a:endParaRPr>
        </a:p>
      </dgm:t>
    </dgm:pt>
    <dgm:pt modelId="{753BA08F-F460-4B7E-885D-3B9F5A196814}">
      <dgm:prSet phldrT="[Text]" custT="1"/>
      <dgm:spPr>
        <a:solidFill>
          <a:schemeClr val="accent2"/>
        </a:solidFill>
      </dgm:spPr>
      <dgm:t>
        <a:bodyPr/>
        <a:lstStyle/>
        <a:p>
          <a:r>
            <a:rPr lang="en-US" sz="1400" dirty="0">
              <a:ln>
                <a:noFill/>
              </a:ln>
              <a:solidFill>
                <a:sysClr val="windowText" lastClr="000000"/>
              </a:solidFill>
            </a:rPr>
            <a:t>3. Information Availability</a:t>
          </a:r>
        </a:p>
      </dgm:t>
    </dgm:pt>
    <dgm:pt modelId="{C2ED1EC0-8204-4B1C-8008-09C739D39E9B}" type="parTrans" cxnId="{3BC7099F-1890-4752-A29A-7ECE75F3ACC8}">
      <dgm:prSet/>
      <dgm:spPr/>
      <dgm:t>
        <a:bodyPr/>
        <a:lstStyle/>
        <a:p>
          <a:endParaRPr lang="en-US" sz="1400">
            <a:ln>
              <a:noFill/>
            </a:ln>
            <a:solidFill>
              <a:sysClr val="windowText" lastClr="000000"/>
            </a:solidFill>
          </a:endParaRPr>
        </a:p>
      </dgm:t>
    </dgm:pt>
    <dgm:pt modelId="{BAA2CE5A-6A03-4864-A81A-2C3D5ACC9328}" type="sibTrans" cxnId="{3BC7099F-1890-4752-A29A-7ECE75F3ACC8}">
      <dgm:prSet/>
      <dgm:spPr/>
      <dgm:t>
        <a:bodyPr/>
        <a:lstStyle/>
        <a:p>
          <a:endParaRPr lang="en-US" sz="1400">
            <a:ln>
              <a:noFill/>
            </a:ln>
            <a:solidFill>
              <a:sysClr val="windowText" lastClr="000000"/>
            </a:solidFill>
          </a:endParaRPr>
        </a:p>
      </dgm:t>
    </dgm:pt>
    <dgm:pt modelId="{37A3CFE0-3871-4809-AA5C-4476BF7EFF78}">
      <dgm:prSet phldrT="[Text]" custT="1"/>
      <dgm:spPr>
        <a:solidFill>
          <a:schemeClr val="accent2"/>
        </a:solidFill>
      </dgm:spPr>
      <dgm:t>
        <a:bodyPr/>
        <a:lstStyle/>
        <a:p>
          <a:r>
            <a:rPr lang="en-US" sz="1400" dirty="0">
              <a:ln>
                <a:noFill/>
              </a:ln>
              <a:solidFill>
                <a:sysClr val="windowText" lastClr="000000"/>
              </a:solidFill>
            </a:rPr>
            <a:t>4. Information Use</a:t>
          </a:r>
        </a:p>
      </dgm:t>
    </dgm:pt>
    <dgm:pt modelId="{0140C3A0-931E-40F5-A0C0-9DACC55A6970}" type="parTrans" cxnId="{6BD81881-1DA8-4D41-8883-BDA756A1D042}">
      <dgm:prSet/>
      <dgm:spPr/>
      <dgm:t>
        <a:bodyPr/>
        <a:lstStyle/>
        <a:p>
          <a:endParaRPr lang="en-US" sz="1400">
            <a:ln>
              <a:noFill/>
            </a:ln>
            <a:solidFill>
              <a:sysClr val="windowText" lastClr="000000"/>
            </a:solidFill>
          </a:endParaRPr>
        </a:p>
      </dgm:t>
    </dgm:pt>
    <dgm:pt modelId="{C6409F56-DC9E-4A7F-85B9-67A5D434ED27}" type="sibTrans" cxnId="{6BD81881-1DA8-4D41-8883-BDA756A1D042}">
      <dgm:prSet/>
      <dgm:spPr/>
      <dgm:t>
        <a:bodyPr/>
        <a:lstStyle/>
        <a:p>
          <a:endParaRPr lang="en-US" sz="1400">
            <a:ln>
              <a:noFill/>
            </a:ln>
            <a:solidFill>
              <a:sysClr val="windowText" lastClr="000000"/>
            </a:solidFill>
          </a:endParaRPr>
        </a:p>
      </dgm:t>
    </dgm:pt>
    <dgm:pt modelId="{07FAF2FE-ED7A-450D-89F1-C8EF3EE1138B}" type="pres">
      <dgm:prSet presAssocID="{9567D971-7207-40DE-8CE4-A0A20534CBD0}" presName="mainComposite" presStyleCnt="0">
        <dgm:presLayoutVars>
          <dgm:chPref val="1"/>
          <dgm:dir/>
          <dgm:animOne val="branch"/>
          <dgm:animLvl val="lvl"/>
          <dgm:resizeHandles val="exact"/>
        </dgm:presLayoutVars>
      </dgm:prSet>
      <dgm:spPr/>
    </dgm:pt>
    <dgm:pt modelId="{1E303FE0-D4B4-4FC4-9396-9A15DF859061}" type="pres">
      <dgm:prSet presAssocID="{9567D971-7207-40DE-8CE4-A0A20534CBD0}" presName="hierFlow" presStyleCnt="0"/>
      <dgm:spPr/>
    </dgm:pt>
    <dgm:pt modelId="{B3B5D74B-8BF5-4EEA-9CD9-32EAB6CB9246}" type="pres">
      <dgm:prSet presAssocID="{9567D971-7207-40DE-8CE4-A0A20534CBD0}" presName="firstBuf" presStyleCnt="0"/>
      <dgm:spPr/>
    </dgm:pt>
    <dgm:pt modelId="{3589CE01-BB58-476C-8B16-AFFF9F44D365}" type="pres">
      <dgm:prSet presAssocID="{9567D971-7207-40DE-8CE4-A0A20534CBD0}" presName="hierChild1" presStyleCnt="0">
        <dgm:presLayoutVars>
          <dgm:chPref val="1"/>
          <dgm:animOne val="branch"/>
          <dgm:animLvl val="lvl"/>
        </dgm:presLayoutVars>
      </dgm:prSet>
      <dgm:spPr/>
    </dgm:pt>
    <dgm:pt modelId="{3592CE8E-2C3C-4D28-89CC-60309474635E}" type="pres">
      <dgm:prSet presAssocID="{3AD524C8-6450-4EDB-A668-14276E2D1A94}" presName="Name17" presStyleCnt="0"/>
      <dgm:spPr/>
    </dgm:pt>
    <dgm:pt modelId="{A20A70B0-9FDE-4579-9A85-88B02A2E608A}" type="pres">
      <dgm:prSet presAssocID="{3AD524C8-6450-4EDB-A668-14276E2D1A94}" presName="level1Shape" presStyleLbl="node0" presStyleIdx="0" presStyleCnt="1" custScaleX="131335" custLinFactNeighborX="3126">
        <dgm:presLayoutVars>
          <dgm:chPref val="3"/>
        </dgm:presLayoutVars>
      </dgm:prSet>
      <dgm:spPr/>
    </dgm:pt>
    <dgm:pt modelId="{8ACAE010-BD59-415E-A463-68261AEA84A6}" type="pres">
      <dgm:prSet presAssocID="{3AD524C8-6450-4EDB-A668-14276E2D1A94}" presName="hierChild2" presStyleCnt="0"/>
      <dgm:spPr/>
    </dgm:pt>
    <dgm:pt modelId="{FF4E8691-E350-43B3-9083-FEECBB2340A4}" type="pres">
      <dgm:prSet presAssocID="{13EBBFC6-55A6-4FEF-BF00-2533489F5D0C}" presName="Name25" presStyleLbl="parChTrans1D2" presStyleIdx="0" presStyleCnt="5"/>
      <dgm:spPr/>
    </dgm:pt>
    <dgm:pt modelId="{E047DAAD-669D-4544-8258-7EBFEED32419}" type="pres">
      <dgm:prSet presAssocID="{13EBBFC6-55A6-4FEF-BF00-2533489F5D0C}" presName="connTx" presStyleLbl="parChTrans1D2" presStyleIdx="0" presStyleCnt="5"/>
      <dgm:spPr/>
    </dgm:pt>
    <dgm:pt modelId="{29A43BA3-2070-475E-B314-E2BACD5F8512}" type="pres">
      <dgm:prSet presAssocID="{A30E6A28-DBD8-435F-BF5E-F3B604A5F5A3}" presName="Name30" presStyleCnt="0"/>
      <dgm:spPr/>
    </dgm:pt>
    <dgm:pt modelId="{8B3DDF95-FC0E-4373-B5A0-B87C85C7A039}" type="pres">
      <dgm:prSet presAssocID="{A30E6A28-DBD8-435F-BF5E-F3B604A5F5A3}" presName="level2Shape" presStyleLbl="node2" presStyleIdx="0" presStyleCnt="5" custScaleX="131335" custLinFactNeighborX="9378"/>
      <dgm:spPr/>
    </dgm:pt>
    <dgm:pt modelId="{1ED90FE6-0C3E-4893-BA34-2DD562AD8000}" type="pres">
      <dgm:prSet presAssocID="{A30E6A28-DBD8-435F-BF5E-F3B604A5F5A3}" presName="hierChild3" presStyleCnt="0"/>
      <dgm:spPr/>
    </dgm:pt>
    <dgm:pt modelId="{7478AFD0-B581-4ADB-876A-5D930E53F2A1}" type="pres">
      <dgm:prSet presAssocID="{945A9356-2F5D-46EC-9E0F-01D28729E1B3}" presName="Name25" presStyleLbl="parChTrans1D2" presStyleIdx="1" presStyleCnt="5"/>
      <dgm:spPr/>
    </dgm:pt>
    <dgm:pt modelId="{14BE46D2-B976-497E-9A5C-8BE6D1CC0146}" type="pres">
      <dgm:prSet presAssocID="{945A9356-2F5D-46EC-9E0F-01D28729E1B3}" presName="connTx" presStyleLbl="parChTrans1D2" presStyleIdx="1" presStyleCnt="5"/>
      <dgm:spPr/>
    </dgm:pt>
    <dgm:pt modelId="{7BE0FD57-D59E-4130-B2B1-E629577C3B87}" type="pres">
      <dgm:prSet presAssocID="{213E6ACA-5522-46BA-A2C9-6DD292D670D8}" presName="Name30" presStyleCnt="0"/>
      <dgm:spPr/>
    </dgm:pt>
    <dgm:pt modelId="{743F437C-4266-4108-8546-DA92D068993A}" type="pres">
      <dgm:prSet presAssocID="{213E6ACA-5522-46BA-A2C9-6DD292D670D8}" presName="level2Shape" presStyleLbl="node2" presStyleIdx="1" presStyleCnt="5" custScaleX="131335" custLinFactNeighborX="9378"/>
      <dgm:spPr/>
    </dgm:pt>
    <dgm:pt modelId="{2A633BFB-2E57-4B3A-981F-DDB7132FDB08}" type="pres">
      <dgm:prSet presAssocID="{213E6ACA-5522-46BA-A2C9-6DD292D670D8}" presName="hierChild3" presStyleCnt="0"/>
      <dgm:spPr/>
    </dgm:pt>
    <dgm:pt modelId="{23A7F13A-1775-4D8F-844E-4C3A76CDAC5B}" type="pres">
      <dgm:prSet presAssocID="{C2ED1EC0-8204-4B1C-8008-09C739D39E9B}" presName="Name25" presStyleLbl="parChTrans1D2" presStyleIdx="2" presStyleCnt="5"/>
      <dgm:spPr/>
    </dgm:pt>
    <dgm:pt modelId="{32F1CA72-1234-4151-B804-B909B743C8F7}" type="pres">
      <dgm:prSet presAssocID="{C2ED1EC0-8204-4B1C-8008-09C739D39E9B}" presName="connTx" presStyleLbl="parChTrans1D2" presStyleIdx="2" presStyleCnt="5"/>
      <dgm:spPr/>
    </dgm:pt>
    <dgm:pt modelId="{19C2E477-4FFD-496C-8ADF-FCC3CC0A8BCF}" type="pres">
      <dgm:prSet presAssocID="{753BA08F-F460-4B7E-885D-3B9F5A196814}" presName="Name30" presStyleCnt="0"/>
      <dgm:spPr/>
    </dgm:pt>
    <dgm:pt modelId="{359DA775-31E6-4460-81E4-2ED2A585CC24}" type="pres">
      <dgm:prSet presAssocID="{753BA08F-F460-4B7E-885D-3B9F5A196814}" presName="level2Shape" presStyleLbl="node2" presStyleIdx="2" presStyleCnt="5" custScaleX="131335" custLinFactNeighborX="9378"/>
      <dgm:spPr/>
    </dgm:pt>
    <dgm:pt modelId="{3BF99A57-69DB-4D04-B931-E8BB100A835E}" type="pres">
      <dgm:prSet presAssocID="{753BA08F-F460-4B7E-885D-3B9F5A196814}" presName="hierChild3" presStyleCnt="0"/>
      <dgm:spPr/>
    </dgm:pt>
    <dgm:pt modelId="{B19B6641-C57C-4094-86BB-60F65D018E15}" type="pres">
      <dgm:prSet presAssocID="{0140C3A0-931E-40F5-A0C0-9DACC55A6970}" presName="Name25" presStyleLbl="parChTrans1D2" presStyleIdx="3" presStyleCnt="5"/>
      <dgm:spPr/>
    </dgm:pt>
    <dgm:pt modelId="{9DD577F2-D76C-48D5-A2F1-B66341076A47}" type="pres">
      <dgm:prSet presAssocID="{0140C3A0-931E-40F5-A0C0-9DACC55A6970}" presName="connTx" presStyleLbl="parChTrans1D2" presStyleIdx="3" presStyleCnt="5"/>
      <dgm:spPr/>
    </dgm:pt>
    <dgm:pt modelId="{1CDFB42F-2C5F-4D87-877B-112CC6C7C462}" type="pres">
      <dgm:prSet presAssocID="{37A3CFE0-3871-4809-AA5C-4476BF7EFF78}" presName="Name30" presStyleCnt="0"/>
      <dgm:spPr/>
    </dgm:pt>
    <dgm:pt modelId="{664546CA-B3A7-4293-B38E-E812B13A4847}" type="pres">
      <dgm:prSet presAssocID="{37A3CFE0-3871-4809-AA5C-4476BF7EFF78}" presName="level2Shape" presStyleLbl="node2" presStyleIdx="3" presStyleCnt="5" custScaleX="131335" custLinFactNeighborX="9378"/>
      <dgm:spPr/>
    </dgm:pt>
    <dgm:pt modelId="{7BBDE53F-E5BD-4DFF-9B89-8560D4D4D034}" type="pres">
      <dgm:prSet presAssocID="{37A3CFE0-3871-4809-AA5C-4476BF7EFF78}" presName="hierChild3" presStyleCnt="0"/>
      <dgm:spPr/>
    </dgm:pt>
    <dgm:pt modelId="{DBA7C561-2618-4FE5-90B6-A993EEB1077D}" type="pres">
      <dgm:prSet presAssocID="{31BBFF02-81B5-4143-93BD-8B52410468DF}" presName="Name25" presStyleLbl="parChTrans1D2" presStyleIdx="4" presStyleCnt="5"/>
      <dgm:spPr/>
    </dgm:pt>
    <dgm:pt modelId="{403BF905-4DD4-4817-BC84-F1291F009218}" type="pres">
      <dgm:prSet presAssocID="{31BBFF02-81B5-4143-93BD-8B52410468DF}" presName="connTx" presStyleLbl="parChTrans1D2" presStyleIdx="4" presStyleCnt="5"/>
      <dgm:spPr/>
    </dgm:pt>
    <dgm:pt modelId="{8AFD8C92-9E30-427B-BDD0-AF6327BA081D}" type="pres">
      <dgm:prSet presAssocID="{3E2449B9-B1EA-4A56-921A-85B91721E4AE}" presName="Name30" presStyleCnt="0"/>
      <dgm:spPr/>
    </dgm:pt>
    <dgm:pt modelId="{E15B6777-549E-4BDC-90CE-3F57DDBD6452}" type="pres">
      <dgm:prSet presAssocID="{3E2449B9-B1EA-4A56-921A-85B91721E4AE}" presName="level2Shape" presStyleLbl="node2" presStyleIdx="4" presStyleCnt="5" custScaleX="131335" custLinFactNeighborX="9378"/>
      <dgm:spPr/>
    </dgm:pt>
    <dgm:pt modelId="{7E113C1A-BC9F-4F83-9586-AE92B440BBB7}" type="pres">
      <dgm:prSet presAssocID="{3E2449B9-B1EA-4A56-921A-85B91721E4AE}" presName="hierChild3" presStyleCnt="0"/>
      <dgm:spPr/>
    </dgm:pt>
    <dgm:pt modelId="{F59B68D2-EFC1-4B68-AB8F-E5642A117B35}" type="pres">
      <dgm:prSet presAssocID="{9567D971-7207-40DE-8CE4-A0A20534CBD0}" presName="bgShapesFlow" presStyleCnt="0"/>
      <dgm:spPr/>
    </dgm:pt>
    <dgm:pt modelId="{FAD940DD-C7D9-4E7B-8203-3CBE7395EDAA}" type="pres">
      <dgm:prSet presAssocID="{26AD6EC9-93F9-4AD9-A99A-6BC261C6A722}" presName="rectComp" presStyleCnt="0"/>
      <dgm:spPr/>
    </dgm:pt>
    <dgm:pt modelId="{13418BFB-9BC6-43E7-B451-A2DFE3D84DD6}" type="pres">
      <dgm:prSet presAssocID="{26AD6EC9-93F9-4AD9-A99A-6BC261C6A722}" presName="bgRect" presStyleLbl="bgShp" presStyleIdx="0" presStyleCnt="2" custScaleX="131335"/>
      <dgm:spPr/>
    </dgm:pt>
    <dgm:pt modelId="{9C34A67C-ADD4-4FCD-8460-AB259779EFB8}" type="pres">
      <dgm:prSet presAssocID="{26AD6EC9-93F9-4AD9-A99A-6BC261C6A722}" presName="bgRectTx" presStyleLbl="bgShp" presStyleIdx="0" presStyleCnt="2">
        <dgm:presLayoutVars>
          <dgm:bulletEnabled val="1"/>
        </dgm:presLayoutVars>
      </dgm:prSet>
      <dgm:spPr/>
    </dgm:pt>
    <dgm:pt modelId="{8B27A0C3-40B6-4F3D-82F4-D885B0643BBE}" type="pres">
      <dgm:prSet presAssocID="{26AD6EC9-93F9-4AD9-A99A-6BC261C6A722}" presName="spComp" presStyleCnt="0"/>
      <dgm:spPr/>
    </dgm:pt>
    <dgm:pt modelId="{AC273CC2-AE1C-4871-A41F-00F2ED07D5C6}" type="pres">
      <dgm:prSet presAssocID="{26AD6EC9-93F9-4AD9-A99A-6BC261C6A722}" presName="hSp" presStyleCnt="0"/>
      <dgm:spPr/>
    </dgm:pt>
    <dgm:pt modelId="{4D3686F3-0D06-4F74-B2F2-F37BEF018B4C}" type="pres">
      <dgm:prSet presAssocID="{BF1956AC-682C-46D5-9A55-8676D57D0328}" presName="rectComp" presStyleCnt="0"/>
      <dgm:spPr/>
    </dgm:pt>
    <dgm:pt modelId="{22884A2A-8E53-4112-9DE3-DE230261DD52}" type="pres">
      <dgm:prSet presAssocID="{BF1956AC-682C-46D5-9A55-8676D57D0328}" presName="bgRect" presStyleLbl="bgShp" presStyleIdx="1" presStyleCnt="2" custScaleX="131335"/>
      <dgm:spPr/>
    </dgm:pt>
    <dgm:pt modelId="{2B00CA1F-B182-4729-B0E1-95782A2EFF6F}" type="pres">
      <dgm:prSet presAssocID="{BF1956AC-682C-46D5-9A55-8676D57D0328}" presName="bgRectTx" presStyleLbl="bgShp" presStyleIdx="1" presStyleCnt="2">
        <dgm:presLayoutVars>
          <dgm:bulletEnabled val="1"/>
        </dgm:presLayoutVars>
      </dgm:prSet>
      <dgm:spPr/>
    </dgm:pt>
  </dgm:ptLst>
  <dgm:cxnLst>
    <dgm:cxn modelId="{A50D5500-60E7-4741-9525-1F4E789A0791}" srcId="{9567D971-7207-40DE-8CE4-A0A20534CBD0}" destId="{26AD6EC9-93F9-4AD9-A99A-6BC261C6A722}" srcOrd="1" destOrd="0" parTransId="{0B985CA1-1A72-40BA-A55D-6DDADD7BF185}" sibTransId="{510E31D6-3364-465F-A977-77BAABA85972}"/>
    <dgm:cxn modelId="{54E88702-4990-443C-B34A-8018B2342421}" type="presOf" srcId="{C2ED1EC0-8204-4B1C-8008-09C739D39E9B}" destId="{23A7F13A-1775-4D8F-844E-4C3A76CDAC5B}" srcOrd="0" destOrd="0" presId="urn:microsoft.com/office/officeart/2005/8/layout/hierarchy5"/>
    <dgm:cxn modelId="{2EF6860E-107B-4ECF-9DEF-ACDC56231FF4}" type="presOf" srcId="{13EBBFC6-55A6-4FEF-BF00-2533489F5D0C}" destId="{E047DAAD-669D-4544-8258-7EBFEED32419}" srcOrd="1" destOrd="0" presId="urn:microsoft.com/office/officeart/2005/8/layout/hierarchy5"/>
    <dgm:cxn modelId="{59A32112-C381-4A88-BD9A-0ECFB069EC63}" type="presOf" srcId="{213E6ACA-5522-46BA-A2C9-6DD292D670D8}" destId="{743F437C-4266-4108-8546-DA92D068993A}" srcOrd="0" destOrd="0" presId="urn:microsoft.com/office/officeart/2005/8/layout/hierarchy5"/>
    <dgm:cxn modelId="{2011C219-2BA4-4B81-85D8-55AC628522E9}" type="presOf" srcId="{26AD6EC9-93F9-4AD9-A99A-6BC261C6A722}" destId="{9C34A67C-ADD4-4FCD-8460-AB259779EFB8}" srcOrd="1" destOrd="0" presId="urn:microsoft.com/office/officeart/2005/8/layout/hierarchy5"/>
    <dgm:cxn modelId="{24BD031B-A2D4-4373-82E2-AD14068B67A3}" srcId="{9567D971-7207-40DE-8CE4-A0A20534CBD0}" destId="{BF1956AC-682C-46D5-9A55-8676D57D0328}" srcOrd="2" destOrd="0" parTransId="{9C3079A6-69F9-4E41-A8C6-E179594383C5}" sibTransId="{E2F6E39D-37CD-43F5-8497-DD17F9483526}"/>
    <dgm:cxn modelId="{8364A520-5AB5-4334-94AD-2CD3ACEB27FC}" srcId="{3AD524C8-6450-4EDB-A668-14276E2D1A94}" destId="{213E6ACA-5522-46BA-A2C9-6DD292D670D8}" srcOrd="1" destOrd="0" parTransId="{945A9356-2F5D-46EC-9E0F-01D28729E1B3}" sibTransId="{9F7E137F-C539-48B6-BD7E-E595F8DC7B68}"/>
    <dgm:cxn modelId="{3BAE5F3C-EF71-4562-AF71-EC9258A4356A}" srcId="{9567D971-7207-40DE-8CE4-A0A20534CBD0}" destId="{3AD524C8-6450-4EDB-A668-14276E2D1A94}" srcOrd="0" destOrd="0" parTransId="{9FE45587-6D36-448F-BC1F-4500CBC0A054}" sibTransId="{24F4F9FD-15D5-4E2F-B5DA-63B50B1F0DD1}"/>
    <dgm:cxn modelId="{189CEF61-3E44-4EDC-BE6B-E6876F9D3F9C}" type="presOf" srcId="{C2ED1EC0-8204-4B1C-8008-09C739D39E9B}" destId="{32F1CA72-1234-4151-B804-B909B743C8F7}" srcOrd="1" destOrd="0" presId="urn:microsoft.com/office/officeart/2005/8/layout/hierarchy5"/>
    <dgm:cxn modelId="{D39AE667-3971-4274-A745-85F333ED7488}" type="presOf" srcId="{753BA08F-F460-4B7E-885D-3B9F5A196814}" destId="{359DA775-31E6-4460-81E4-2ED2A585CC24}" srcOrd="0" destOrd="0" presId="urn:microsoft.com/office/officeart/2005/8/layout/hierarchy5"/>
    <dgm:cxn modelId="{375DC06D-A66E-4E5F-8652-377144D5909F}" type="presOf" srcId="{3E2449B9-B1EA-4A56-921A-85B91721E4AE}" destId="{E15B6777-549E-4BDC-90CE-3F57DDBD6452}" srcOrd="0" destOrd="0" presId="urn:microsoft.com/office/officeart/2005/8/layout/hierarchy5"/>
    <dgm:cxn modelId="{E583DA70-4CB8-4255-B56F-A82ED917C5AA}" type="presOf" srcId="{13EBBFC6-55A6-4FEF-BF00-2533489F5D0C}" destId="{FF4E8691-E350-43B3-9083-FEECBB2340A4}" srcOrd="0" destOrd="0" presId="urn:microsoft.com/office/officeart/2005/8/layout/hierarchy5"/>
    <dgm:cxn modelId="{E8877774-91D8-406A-B310-6710499D2500}" type="presOf" srcId="{945A9356-2F5D-46EC-9E0F-01D28729E1B3}" destId="{7478AFD0-B581-4ADB-876A-5D930E53F2A1}" srcOrd="0" destOrd="0" presId="urn:microsoft.com/office/officeart/2005/8/layout/hierarchy5"/>
    <dgm:cxn modelId="{F48D487A-08EE-499A-96C5-19A0BDB10C6D}" type="presOf" srcId="{26AD6EC9-93F9-4AD9-A99A-6BC261C6A722}" destId="{13418BFB-9BC6-43E7-B451-A2DFE3D84DD6}" srcOrd="0" destOrd="0" presId="urn:microsoft.com/office/officeart/2005/8/layout/hierarchy5"/>
    <dgm:cxn modelId="{6BD81881-1DA8-4D41-8883-BDA756A1D042}" srcId="{3AD524C8-6450-4EDB-A668-14276E2D1A94}" destId="{37A3CFE0-3871-4809-AA5C-4476BF7EFF78}" srcOrd="3" destOrd="0" parTransId="{0140C3A0-931E-40F5-A0C0-9DACC55A6970}" sibTransId="{C6409F56-DC9E-4A7F-85B9-67A5D434ED27}"/>
    <dgm:cxn modelId="{DB4DB783-2AF6-417E-A82E-7D16903347DE}" srcId="{3AD524C8-6450-4EDB-A668-14276E2D1A94}" destId="{3E2449B9-B1EA-4A56-921A-85B91721E4AE}" srcOrd="4" destOrd="0" parTransId="{31BBFF02-81B5-4143-93BD-8B52410468DF}" sibTransId="{79034042-E6E2-4FB6-A1DC-9F58F54D71A7}"/>
    <dgm:cxn modelId="{0B15F283-2480-45A9-B80D-9D11112F6D42}" type="presOf" srcId="{0140C3A0-931E-40F5-A0C0-9DACC55A6970}" destId="{9DD577F2-D76C-48D5-A2F1-B66341076A47}" srcOrd="1" destOrd="0" presId="urn:microsoft.com/office/officeart/2005/8/layout/hierarchy5"/>
    <dgm:cxn modelId="{E3841787-90B8-4783-A6C3-97A6E4E86AE6}" type="presOf" srcId="{A30E6A28-DBD8-435F-BF5E-F3B604A5F5A3}" destId="{8B3DDF95-FC0E-4373-B5A0-B87C85C7A039}" srcOrd="0" destOrd="0" presId="urn:microsoft.com/office/officeart/2005/8/layout/hierarchy5"/>
    <dgm:cxn modelId="{3BC7099F-1890-4752-A29A-7ECE75F3ACC8}" srcId="{3AD524C8-6450-4EDB-A668-14276E2D1A94}" destId="{753BA08F-F460-4B7E-885D-3B9F5A196814}" srcOrd="2" destOrd="0" parTransId="{C2ED1EC0-8204-4B1C-8008-09C739D39E9B}" sibTransId="{BAA2CE5A-6A03-4864-A81A-2C3D5ACC9328}"/>
    <dgm:cxn modelId="{74153DB5-2854-4204-BE0D-4EA1557C4ECC}" type="presOf" srcId="{31BBFF02-81B5-4143-93BD-8B52410468DF}" destId="{403BF905-4DD4-4817-BC84-F1291F009218}" srcOrd="1" destOrd="0" presId="urn:microsoft.com/office/officeart/2005/8/layout/hierarchy5"/>
    <dgm:cxn modelId="{CF9E41C2-598E-4423-BEEE-153DBAE526F5}" type="presOf" srcId="{37A3CFE0-3871-4809-AA5C-4476BF7EFF78}" destId="{664546CA-B3A7-4293-B38E-E812B13A4847}" srcOrd="0" destOrd="0" presId="urn:microsoft.com/office/officeart/2005/8/layout/hierarchy5"/>
    <dgm:cxn modelId="{10E258C6-88D5-4B25-9213-77AD4CABB1DE}" type="presOf" srcId="{9567D971-7207-40DE-8CE4-A0A20534CBD0}" destId="{07FAF2FE-ED7A-450D-89F1-C8EF3EE1138B}" srcOrd="0" destOrd="0" presId="urn:microsoft.com/office/officeart/2005/8/layout/hierarchy5"/>
    <dgm:cxn modelId="{E3033CCF-8236-439A-8809-48916343A8E0}" type="presOf" srcId="{BF1956AC-682C-46D5-9A55-8676D57D0328}" destId="{22884A2A-8E53-4112-9DE3-DE230261DD52}" srcOrd="0" destOrd="0" presId="urn:microsoft.com/office/officeart/2005/8/layout/hierarchy5"/>
    <dgm:cxn modelId="{4B6936D1-C865-41A8-9710-934AC7EEFC2A}" type="presOf" srcId="{3AD524C8-6450-4EDB-A668-14276E2D1A94}" destId="{A20A70B0-9FDE-4579-9A85-88B02A2E608A}" srcOrd="0" destOrd="0" presId="urn:microsoft.com/office/officeart/2005/8/layout/hierarchy5"/>
    <dgm:cxn modelId="{8BE806D8-309D-48B6-ACD8-C460F12FA534}" srcId="{3AD524C8-6450-4EDB-A668-14276E2D1A94}" destId="{A30E6A28-DBD8-435F-BF5E-F3B604A5F5A3}" srcOrd="0" destOrd="0" parTransId="{13EBBFC6-55A6-4FEF-BF00-2533489F5D0C}" sibTransId="{15F5780F-C5A7-4B9F-A844-F79BC227DECD}"/>
    <dgm:cxn modelId="{471588D8-3CF9-4EB5-BB1F-C0F7FB94EF3F}" type="presOf" srcId="{31BBFF02-81B5-4143-93BD-8B52410468DF}" destId="{DBA7C561-2618-4FE5-90B6-A993EEB1077D}" srcOrd="0" destOrd="0" presId="urn:microsoft.com/office/officeart/2005/8/layout/hierarchy5"/>
    <dgm:cxn modelId="{A092CFE1-F879-4CC2-97A7-55CC9B2A3FE2}" type="presOf" srcId="{945A9356-2F5D-46EC-9E0F-01D28729E1B3}" destId="{14BE46D2-B976-497E-9A5C-8BE6D1CC0146}" srcOrd="1" destOrd="0" presId="urn:microsoft.com/office/officeart/2005/8/layout/hierarchy5"/>
    <dgm:cxn modelId="{0B41C7EF-0CE6-4F06-9502-3CFC812AA38A}" type="presOf" srcId="{0140C3A0-931E-40F5-A0C0-9DACC55A6970}" destId="{B19B6641-C57C-4094-86BB-60F65D018E15}" srcOrd="0" destOrd="0" presId="urn:microsoft.com/office/officeart/2005/8/layout/hierarchy5"/>
    <dgm:cxn modelId="{332F8DF1-A679-44EE-8DD3-C48F82EB549B}" type="presOf" srcId="{BF1956AC-682C-46D5-9A55-8676D57D0328}" destId="{2B00CA1F-B182-4729-B0E1-95782A2EFF6F}" srcOrd="1" destOrd="0" presId="urn:microsoft.com/office/officeart/2005/8/layout/hierarchy5"/>
    <dgm:cxn modelId="{7F755D25-82F6-4349-84AB-A46A6ADD6FA5}" type="presParOf" srcId="{07FAF2FE-ED7A-450D-89F1-C8EF3EE1138B}" destId="{1E303FE0-D4B4-4FC4-9396-9A15DF859061}" srcOrd="0" destOrd="0" presId="urn:microsoft.com/office/officeart/2005/8/layout/hierarchy5"/>
    <dgm:cxn modelId="{DEBD285F-AF0A-4812-9E24-ECD3F7B01443}" type="presParOf" srcId="{1E303FE0-D4B4-4FC4-9396-9A15DF859061}" destId="{B3B5D74B-8BF5-4EEA-9CD9-32EAB6CB9246}" srcOrd="0" destOrd="0" presId="urn:microsoft.com/office/officeart/2005/8/layout/hierarchy5"/>
    <dgm:cxn modelId="{76C4AB08-BD2B-4CBF-B0E2-25D2F5DBBA13}" type="presParOf" srcId="{1E303FE0-D4B4-4FC4-9396-9A15DF859061}" destId="{3589CE01-BB58-476C-8B16-AFFF9F44D365}" srcOrd="1" destOrd="0" presId="urn:microsoft.com/office/officeart/2005/8/layout/hierarchy5"/>
    <dgm:cxn modelId="{F73DC77A-26FE-4BC7-9C9C-ADC83C367F9E}" type="presParOf" srcId="{3589CE01-BB58-476C-8B16-AFFF9F44D365}" destId="{3592CE8E-2C3C-4D28-89CC-60309474635E}" srcOrd="0" destOrd="0" presId="urn:microsoft.com/office/officeart/2005/8/layout/hierarchy5"/>
    <dgm:cxn modelId="{E69204AA-E41A-461D-9A0F-F0FD0A745751}" type="presParOf" srcId="{3592CE8E-2C3C-4D28-89CC-60309474635E}" destId="{A20A70B0-9FDE-4579-9A85-88B02A2E608A}" srcOrd="0" destOrd="0" presId="urn:microsoft.com/office/officeart/2005/8/layout/hierarchy5"/>
    <dgm:cxn modelId="{1287AE9F-031E-4DB1-A89D-3BD47C048641}" type="presParOf" srcId="{3592CE8E-2C3C-4D28-89CC-60309474635E}" destId="{8ACAE010-BD59-415E-A463-68261AEA84A6}" srcOrd="1" destOrd="0" presId="urn:microsoft.com/office/officeart/2005/8/layout/hierarchy5"/>
    <dgm:cxn modelId="{CA1138F1-F8AD-47DF-BA27-BBE8A82DD527}" type="presParOf" srcId="{8ACAE010-BD59-415E-A463-68261AEA84A6}" destId="{FF4E8691-E350-43B3-9083-FEECBB2340A4}" srcOrd="0" destOrd="0" presId="urn:microsoft.com/office/officeart/2005/8/layout/hierarchy5"/>
    <dgm:cxn modelId="{995E4630-DF7E-4C6B-B314-6E25E627ABEC}" type="presParOf" srcId="{FF4E8691-E350-43B3-9083-FEECBB2340A4}" destId="{E047DAAD-669D-4544-8258-7EBFEED32419}" srcOrd="0" destOrd="0" presId="urn:microsoft.com/office/officeart/2005/8/layout/hierarchy5"/>
    <dgm:cxn modelId="{DA08826A-5157-4A52-88CD-98149569A8C0}" type="presParOf" srcId="{8ACAE010-BD59-415E-A463-68261AEA84A6}" destId="{29A43BA3-2070-475E-B314-E2BACD5F8512}" srcOrd="1" destOrd="0" presId="urn:microsoft.com/office/officeart/2005/8/layout/hierarchy5"/>
    <dgm:cxn modelId="{60BBB597-3C6A-48F6-910B-4841AB6BCD09}" type="presParOf" srcId="{29A43BA3-2070-475E-B314-E2BACD5F8512}" destId="{8B3DDF95-FC0E-4373-B5A0-B87C85C7A039}" srcOrd="0" destOrd="0" presId="urn:microsoft.com/office/officeart/2005/8/layout/hierarchy5"/>
    <dgm:cxn modelId="{877CBCDB-BDAD-4A92-894B-A3830C51F049}" type="presParOf" srcId="{29A43BA3-2070-475E-B314-E2BACD5F8512}" destId="{1ED90FE6-0C3E-4893-BA34-2DD562AD8000}" srcOrd="1" destOrd="0" presId="urn:microsoft.com/office/officeart/2005/8/layout/hierarchy5"/>
    <dgm:cxn modelId="{3E098587-E355-4AC7-9673-97C0E701E0B4}" type="presParOf" srcId="{8ACAE010-BD59-415E-A463-68261AEA84A6}" destId="{7478AFD0-B581-4ADB-876A-5D930E53F2A1}" srcOrd="2" destOrd="0" presId="urn:microsoft.com/office/officeart/2005/8/layout/hierarchy5"/>
    <dgm:cxn modelId="{9FA71494-C045-4A70-A3AD-8DDEC3EA2024}" type="presParOf" srcId="{7478AFD0-B581-4ADB-876A-5D930E53F2A1}" destId="{14BE46D2-B976-497E-9A5C-8BE6D1CC0146}" srcOrd="0" destOrd="0" presId="urn:microsoft.com/office/officeart/2005/8/layout/hierarchy5"/>
    <dgm:cxn modelId="{2918BF2F-BFAA-4C73-BF81-744D318E9AA8}" type="presParOf" srcId="{8ACAE010-BD59-415E-A463-68261AEA84A6}" destId="{7BE0FD57-D59E-4130-B2B1-E629577C3B87}" srcOrd="3" destOrd="0" presId="urn:microsoft.com/office/officeart/2005/8/layout/hierarchy5"/>
    <dgm:cxn modelId="{EA54701C-45DA-4D8C-9190-931891DB1260}" type="presParOf" srcId="{7BE0FD57-D59E-4130-B2B1-E629577C3B87}" destId="{743F437C-4266-4108-8546-DA92D068993A}" srcOrd="0" destOrd="0" presId="urn:microsoft.com/office/officeart/2005/8/layout/hierarchy5"/>
    <dgm:cxn modelId="{3EBF5C31-0F48-4F10-B898-C89CCD9F2EAB}" type="presParOf" srcId="{7BE0FD57-D59E-4130-B2B1-E629577C3B87}" destId="{2A633BFB-2E57-4B3A-981F-DDB7132FDB08}" srcOrd="1" destOrd="0" presId="urn:microsoft.com/office/officeart/2005/8/layout/hierarchy5"/>
    <dgm:cxn modelId="{EE98EA98-447A-4CEC-922A-9B1CC0ACA18A}" type="presParOf" srcId="{8ACAE010-BD59-415E-A463-68261AEA84A6}" destId="{23A7F13A-1775-4D8F-844E-4C3A76CDAC5B}" srcOrd="4" destOrd="0" presId="urn:microsoft.com/office/officeart/2005/8/layout/hierarchy5"/>
    <dgm:cxn modelId="{988D850C-93E5-4BC7-B1A3-00DFFBA53CFF}" type="presParOf" srcId="{23A7F13A-1775-4D8F-844E-4C3A76CDAC5B}" destId="{32F1CA72-1234-4151-B804-B909B743C8F7}" srcOrd="0" destOrd="0" presId="urn:microsoft.com/office/officeart/2005/8/layout/hierarchy5"/>
    <dgm:cxn modelId="{8B132733-9605-4A85-8D5C-1F5BEB314239}" type="presParOf" srcId="{8ACAE010-BD59-415E-A463-68261AEA84A6}" destId="{19C2E477-4FFD-496C-8ADF-FCC3CC0A8BCF}" srcOrd="5" destOrd="0" presId="urn:microsoft.com/office/officeart/2005/8/layout/hierarchy5"/>
    <dgm:cxn modelId="{BE897CF0-BA54-4B66-B17C-F4E514850CF1}" type="presParOf" srcId="{19C2E477-4FFD-496C-8ADF-FCC3CC0A8BCF}" destId="{359DA775-31E6-4460-81E4-2ED2A585CC24}" srcOrd="0" destOrd="0" presId="urn:microsoft.com/office/officeart/2005/8/layout/hierarchy5"/>
    <dgm:cxn modelId="{6FBF9CF7-D2E7-41F7-9ED8-AF8C2B40D0EF}" type="presParOf" srcId="{19C2E477-4FFD-496C-8ADF-FCC3CC0A8BCF}" destId="{3BF99A57-69DB-4D04-B931-E8BB100A835E}" srcOrd="1" destOrd="0" presId="urn:microsoft.com/office/officeart/2005/8/layout/hierarchy5"/>
    <dgm:cxn modelId="{6D9947B7-5049-4226-A7BD-E8CBD260C01F}" type="presParOf" srcId="{8ACAE010-BD59-415E-A463-68261AEA84A6}" destId="{B19B6641-C57C-4094-86BB-60F65D018E15}" srcOrd="6" destOrd="0" presId="urn:microsoft.com/office/officeart/2005/8/layout/hierarchy5"/>
    <dgm:cxn modelId="{A49DE587-1245-4F6D-BF4F-A18562549F8F}" type="presParOf" srcId="{B19B6641-C57C-4094-86BB-60F65D018E15}" destId="{9DD577F2-D76C-48D5-A2F1-B66341076A47}" srcOrd="0" destOrd="0" presId="urn:microsoft.com/office/officeart/2005/8/layout/hierarchy5"/>
    <dgm:cxn modelId="{133F584B-52DB-4F16-8D5A-42FBF69D16E6}" type="presParOf" srcId="{8ACAE010-BD59-415E-A463-68261AEA84A6}" destId="{1CDFB42F-2C5F-4D87-877B-112CC6C7C462}" srcOrd="7" destOrd="0" presId="urn:microsoft.com/office/officeart/2005/8/layout/hierarchy5"/>
    <dgm:cxn modelId="{07D86E1D-411D-4FF0-AA9A-FDC0335E4C10}" type="presParOf" srcId="{1CDFB42F-2C5F-4D87-877B-112CC6C7C462}" destId="{664546CA-B3A7-4293-B38E-E812B13A4847}" srcOrd="0" destOrd="0" presId="urn:microsoft.com/office/officeart/2005/8/layout/hierarchy5"/>
    <dgm:cxn modelId="{101BC7EC-1F0F-4695-BE8B-F66107C92F94}" type="presParOf" srcId="{1CDFB42F-2C5F-4D87-877B-112CC6C7C462}" destId="{7BBDE53F-E5BD-4DFF-9B89-8560D4D4D034}" srcOrd="1" destOrd="0" presId="urn:microsoft.com/office/officeart/2005/8/layout/hierarchy5"/>
    <dgm:cxn modelId="{49536654-7C58-4D99-AC42-F6CC7B94AB31}" type="presParOf" srcId="{8ACAE010-BD59-415E-A463-68261AEA84A6}" destId="{DBA7C561-2618-4FE5-90B6-A993EEB1077D}" srcOrd="8" destOrd="0" presId="urn:microsoft.com/office/officeart/2005/8/layout/hierarchy5"/>
    <dgm:cxn modelId="{8C4A5CFE-227E-4C56-8755-01E6A588B026}" type="presParOf" srcId="{DBA7C561-2618-4FE5-90B6-A993EEB1077D}" destId="{403BF905-4DD4-4817-BC84-F1291F009218}" srcOrd="0" destOrd="0" presId="urn:microsoft.com/office/officeart/2005/8/layout/hierarchy5"/>
    <dgm:cxn modelId="{C429D416-788C-46B3-887C-8ED230F8375E}" type="presParOf" srcId="{8ACAE010-BD59-415E-A463-68261AEA84A6}" destId="{8AFD8C92-9E30-427B-BDD0-AF6327BA081D}" srcOrd="9" destOrd="0" presId="urn:microsoft.com/office/officeart/2005/8/layout/hierarchy5"/>
    <dgm:cxn modelId="{3A7BF555-F378-41D9-9054-87391F1B820A}" type="presParOf" srcId="{8AFD8C92-9E30-427B-BDD0-AF6327BA081D}" destId="{E15B6777-549E-4BDC-90CE-3F57DDBD6452}" srcOrd="0" destOrd="0" presId="urn:microsoft.com/office/officeart/2005/8/layout/hierarchy5"/>
    <dgm:cxn modelId="{9BC66553-26D4-4CAD-A7DB-BC4CD13CD96C}" type="presParOf" srcId="{8AFD8C92-9E30-427B-BDD0-AF6327BA081D}" destId="{7E113C1A-BC9F-4F83-9586-AE92B440BBB7}" srcOrd="1" destOrd="0" presId="urn:microsoft.com/office/officeart/2005/8/layout/hierarchy5"/>
    <dgm:cxn modelId="{530353D8-23E2-4592-8A80-AEF4B3D691AF}" type="presParOf" srcId="{07FAF2FE-ED7A-450D-89F1-C8EF3EE1138B}" destId="{F59B68D2-EFC1-4B68-AB8F-E5642A117B35}" srcOrd="1" destOrd="0" presId="urn:microsoft.com/office/officeart/2005/8/layout/hierarchy5"/>
    <dgm:cxn modelId="{B1E3D3A6-E46F-44EF-BDB3-47D78559B64C}" type="presParOf" srcId="{F59B68D2-EFC1-4B68-AB8F-E5642A117B35}" destId="{FAD940DD-C7D9-4E7B-8203-3CBE7395EDAA}" srcOrd="0" destOrd="0" presId="urn:microsoft.com/office/officeart/2005/8/layout/hierarchy5"/>
    <dgm:cxn modelId="{EDB313D3-E9F5-4630-9E6E-AF536931F1FC}" type="presParOf" srcId="{FAD940DD-C7D9-4E7B-8203-3CBE7395EDAA}" destId="{13418BFB-9BC6-43E7-B451-A2DFE3D84DD6}" srcOrd="0" destOrd="0" presId="urn:microsoft.com/office/officeart/2005/8/layout/hierarchy5"/>
    <dgm:cxn modelId="{8EEDAB39-8F24-4371-9EFA-B61845397425}" type="presParOf" srcId="{FAD940DD-C7D9-4E7B-8203-3CBE7395EDAA}" destId="{9C34A67C-ADD4-4FCD-8460-AB259779EFB8}" srcOrd="1" destOrd="0" presId="urn:microsoft.com/office/officeart/2005/8/layout/hierarchy5"/>
    <dgm:cxn modelId="{56D67AC6-6DDB-4CF5-A56E-2122008DE1EC}" type="presParOf" srcId="{F59B68D2-EFC1-4B68-AB8F-E5642A117B35}" destId="{8B27A0C3-40B6-4F3D-82F4-D885B0643BBE}" srcOrd="1" destOrd="0" presId="urn:microsoft.com/office/officeart/2005/8/layout/hierarchy5"/>
    <dgm:cxn modelId="{FFB57AEF-A03C-44A6-B989-835C59986DE4}" type="presParOf" srcId="{8B27A0C3-40B6-4F3D-82F4-D885B0643BBE}" destId="{AC273CC2-AE1C-4871-A41F-00F2ED07D5C6}" srcOrd="0" destOrd="0" presId="urn:microsoft.com/office/officeart/2005/8/layout/hierarchy5"/>
    <dgm:cxn modelId="{5D275B61-289A-4BF4-8EC7-C3560CA1B3D6}" type="presParOf" srcId="{F59B68D2-EFC1-4B68-AB8F-E5642A117B35}" destId="{4D3686F3-0D06-4F74-B2F2-F37BEF018B4C}" srcOrd="2" destOrd="0" presId="urn:microsoft.com/office/officeart/2005/8/layout/hierarchy5"/>
    <dgm:cxn modelId="{84A96834-CE3E-458C-9299-0B99BF64518F}" type="presParOf" srcId="{4D3686F3-0D06-4F74-B2F2-F37BEF018B4C}" destId="{22884A2A-8E53-4112-9DE3-DE230261DD52}" srcOrd="0" destOrd="0" presId="urn:microsoft.com/office/officeart/2005/8/layout/hierarchy5"/>
    <dgm:cxn modelId="{860172F0-2A3F-4F7B-906F-C0F8AB4DAFC1}" type="presParOf" srcId="{4D3686F3-0D06-4F74-B2F2-F37BEF018B4C}" destId="{2B00CA1F-B182-4729-B0E1-95782A2EFF6F}" srcOrd="1" destOrd="0" presId="urn:microsoft.com/office/officeart/2005/8/layout/hierarchy5"/>
  </dgm:cxnLst>
  <dgm:bg/>
  <dgm:whole>
    <a:ln>
      <a:solidFill>
        <a:schemeClr val="tx2"/>
      </a:solidFill>
    </a:ln>
  </dgm:whole>
  <dgm:extLst>
    <a:ext uri="http://schemas.microsoft.com/office/drawing/2008/diagram">
      <dsp:dataModelExt xmlns:dsp="http://schemas.microsoft.com/office/drawing/2008/diagram" relId="rId6"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B118A677-901D-4501-89DF-79ABF8D3935B}" type="doc">
      <dgm:prSet loTypeId="urn:microsoft.com/office/officeart/2005/8/layout/cycle2" loCatId="cycle" qsTypeId="urn:microsoft.com/office/officeart/2005/8/quickstyle/3d1" qsCatId="3D" csTypeId="urn:microsoft.com/office/officeart/2005/8/colors/colorful2" csCatId="colorful" phldr="1"/>
      <dgm:spPr/>
    </dgm:pt>
    <dgm:pt modelId="{6C64FDEA-0C82-4D3D-923A-F1470E2AAD2B}">
      <dgm:prSet phldrT="[Text]" custT="1"/>
      <dgm:spPr/>
      <dgm:t>
        <a:bodyPr/>
        <a:lstStyle/>
        <a:p>
          <a:r>
            <a:rPr lang="en-US" sz="1600" dirty="0"/>
            <a:t>Identify data needs</a:t>
          </a:r>
        </a:p>
      </dgm:t>
    </dgm:pt>
    <dgm:pt modelId="{EFF114DD-9689-40CF-A8DA-C184CA4EEB7B}" type="parTrans" cxnId="{1F59615A-DCAC-4ED0-8C5D-E885251127A2}">
      <dgm:prSet/>
      <dgm:spPr/>
      <dgm:t>
        <a:bodyPr/>
        <a:lstStyle/>
        <a:p>
          <a:endParaRPr lang="en-US" sz="1600"/>
        </a:p>
      </dgm:t>
    </dgm:pt>
    <dgm:pt modelId="{118B9D56-ED67-4BB8-B18D-3922DD6B883F}" type="sibTrans" cxnId="{1F59615A-DCAC-4ED0-8C5D-E885251127A2}">
      <dgm:prSet custT="1"/>
      <dgm:spPr/>
      <dgm:t>
        <a:bodyPr/>
        <a:lstStyle/>
        <a:p>
          <a:endParaRPr lang="en-US" sz="1600"/>
        </a:p>
      </dgm:t>
    </dgm:pt>
    <dgm:pt modelId="{B9A85ABC-BBC6-46A8-8A84-DAAF96A6B413}">
      <dgm:prSet phldrT="[Text]" custT="1"/>
      <dgm:spPr/>
      <dgm:t>
        <a:bodyPr/>
        <a:lstStyle/>
        <a:p>
          <a:r>
            <a:rPr lang="en-US" sz="1600" dirty="0"/>
            <a:t>Test forms &amp; process</a:t>
          </a:r>
        </a:p>
      </dgm:t>
    </dgm:pt>
    <dgm:pt modelId="{0297952C-63E2-4E14-A356-02FC186317FC}" type="parTrans" cxnId="{C65E01F0-2324-4829-8660-4FF6E71A7776}">
      <dgm:prSet/>
      <dgm:spPr/>
      <dgm:t>
        <a:bodyPr/>
        <a:lstStyle/>
        <a:p>
          <a:endParaRPr lang="en-US" sz="1600"/>
        </a:p>
      </dgm:t>
    </dgm:pt>
    <dgm:pt modelId="{241DB423-7F03-4333-9915-C66C510039B0}" type="sibTrans" cxnId="{C65E01F0-2324-4829-8660-4FF6E71A7776}">
      <dgm:prSet custT="1"/>
      <dgm:spPr/>
      <dgm:t>
        <a:bodyPr/>
        <a:lstStyle/>
        <a:p>
          <a:endParaRPr lang="en-US" sz="1600"/>
        </a:p>
      </dgm:t>
    </dgm:pt>
    <dgm:pt modelId="{C410CF56-CB2E-43DC-8718-2B18E6D79976}">
      <dgm:prSet phldrT="[Text]" custT="1"/>
      <dgm:spPr/>
      <dgm:t>
        <a:bodyPr/>
        <a:lstStyle/>
        <a:p>
          <a:r>
            <a:rPr lang="en-US" sz="1600" dirty="0"/>
            <a:t>Roll-out forms &amp; process</a:t>
          </a:r>
        </a:p>
      </dgm:t>
    </dgm:pt>
    <dgm:pt modelId="{190972F5-28D8-411D-8015-9EE8551338ED}" type="parTrans" cxnId="{91DC0FF3-110F-436D-A109-EA85EB588E98}">
      <dgm:prSet/>
      <dgm:spPr/>
      <dgm:t>
        <a:bodyPr/>
        <a:lstStyle/>
        <a:p>
          <a:endParaRPr lang="en-US" sz="1600"/>
        </a:p>
      </dgm:t>
    </dgm:pt>
    <dgm:pt modelId="{3DF8F1EB-5EFB-49B9-8F74-94F5F87720E8}" type="sibTrans" cxnId="{91DC0FF3-110F-436D-A109-EA85EB588E98}">
      <dgm:prSet custT="1"/>
      <dgm:spPr/>
      <dgm:t>
        <a:bodyPr/>
        <a:lstStyle/>
        <a:p>
          <a:endParaRPr lang="en-US" sz="1600"/>
        </a:p>
      </dgm:t>
    </dgm:pt>
    <dgm:pt modelId="{1B4C8C19-5181-4108-89BC-F55BA174E360}">
      <dgm:prSet phldrT="[Text]" custT="1"/>
      <dgm:spPr/>
      <dgm:t>
        <a:bodyPr/>
        <a:lstStyle/>
        <a:p>
          <a:r>
            <a:rPr lang="en-US" sz="1600" dirty="0"/>
            <a:t>Collect data</a:t>
          </a:r>
        </a:p>
      </dgm:t>
    </dgm:pt>
    <dgm:pt modelId="{057A7C1C-8F71-4437-AFC7-4B9AEAEF129F}" type="parTrans" cxnId="{32D873B6-EAD1-427D-BDBB-350F5F289ADA}">
      <dgm:prSet/>
      <dgm:spPr/>
      <dgm:t>
        <a:bodyPr/>
        <a:lstStyle/>
        <a:p>
          <a:endParaRPr lang="en-US" sz="1600"/>
        </a:p>
      </dgm:t>
    </dgm:pt>
    <dgm:pt modelId="{54BEF38F-23C0-4EB4-9DA8-9662545D0F9D}" type="sibTrans" cxnId="{32D873B6-EAD1-427D-BDBB-350F5F289ADA}">
      <dgm:prSet custT="1"/>
      <dgm:spPr/>
      <dgm:t>
        <a:bodyPr/>
        <a:lstStyle/>
        <a:p>
          <a:endParaRPr lang="en-US" sz="1600"/>
        </a:p>
      </dgm:t>
    </dgm:pt>
    <dgm:pt modelId="{3B03D8DA-7765-4D4F-8302-CF83DA1FC68E}">
      <dgm:prSet phldrT="[Text]" custT="1"/>
      <dgm:spPr/>
      <dgm:t>
        <a:bodyPr/>
        <a:lstStyle/>
        <a:p>
          <a:r>
            <a:rPr lang="en-US" sz="1600" dirty="0"/>
            <a:t>Enter data into system</a:t>
          </a:r>
        </a:p>
      </dgm:t>
    </dgm:pt>
    <dgm:pt modelId="{98208D4D-026D-4E14-8CEE-00296E217E49}" type="parTrans" cxnId="{6F07F2A5-2F9D-4110-B308-68F50E1C73C7}">
      <dgm:prSet/>
      <dgm:spPr/>
      <dgm:t>
        <a:bodyPr/>
        <a:lstStyle/>
        <a:p>
          <a:endParaRPr lang="en-US" sz="1600"/>
        </a:p>
      </dgm:t>
    </dgm:pt>
    <dgm:pt modelId="{712CB416-C9B9-4720-BB84-1D45B548642D}" type="sibTrans" cxnId="{6F07F2A5-2F9D-4110-B308-68F50E1C73C7}">
      <dgm:prSet custT="1"/>
      <dgm:spPr/>
      <dgm:t>
        <a:bodyPr/>
        <a:lstStyle/>
        <a:p>
          <a:endParaRPr lang="en-US" sz="1600"/>
        </a:p>
      </dgm:t>
    </dgm:pt>
    <dgm:pt modelId="{3C63CF14-15E0-4A52-978C-E2775CF2F6D6}">
      <dgm:prSet phldrT="[Text]" custT="1"/>
      <dgm:spPr/>
      <dgm:t>
        <a:bodyPr/>
        <a:lstStyle/>
        <a:p>
          <a:r>
            <a:rPr lang="en-US" sz="1600" dirty="0"/>
            <a:t>Validate data</a:t>
          </a:r>
        </a:p>
      </dgm:t>
    </dgm:pt>
    <dgm:pt modelId="{1074FAEA-468D-4264-9013-AC0D9B121032}" type="parTrans" cxnId="{C483CD45-5F30-4A90-9593-B1FD3DE7FEFA}">
      <dgm:prSet/>
      <dgm:spPr/>
      <dgm:t>
        <a:bodyPr/>
        <a:lstStyle/>
        <a:p>
          <a:endParaRPr lang="en-US" sz="1600"/>
        </a:p>
      </dgm:t>
    </dgm:pt>
    <dgm:pt modelId="{A59AA7F0-56E4-41B2-8EEA-61E33CC5C7E6}" type="sibTrans" cxnId="{C483CD45-5F30-4A90-9593-B1FD3DE7FEFA}">
      <dgm:prSet custT="1"/>
      <dgm:spPr/>
      <dgm:t>
        <a:bodyPr/>
        <a:lstStyle/>
        <a:p>
          <a:endParaRPr lang="en-US" sz="1600"/>
        </a:p>
      </dgm:t>
    </dgm:pt>
    <dgm:pt modelId="{40F7633A-E389-4232-A561-7C62CB33DF57}">
      <dgm:prSet phldrT="[Text]" custT="1"/>
      <dgm:spPr/>
      <dgm:t>
        <a:bodyPr/>
        <a:lstStyle/>
        <a:p>
          <a:r>
            <a:rPr lang="en-US" sz="1600" dirty="0"/>
            <a:t>Manage data in MIS</a:t>
          </a:r>
        </a:p>
      </dgm:t>
    </dgm:pt>
    <dgm:pt modelId="{C28C3D76-7443-46B7-9F76-B461EB67C9D5}" type="parTrans" cxnId="{31034EC5-5D5E-4D63-BEBF-8F1AB669D774}">
      <dgm:prSet/>
      <dgm:spPr/>
      <dgm:t>
        <a:bodyPr/>
        <a:lstStyle/>
        <a:p>
          <a:endParaRPr lang="en-US" sz="1600"/>
        </a:p>
      </dgm:t>
    </dgm:pt>
    <dgm:pt modelId="{C57DFDF2-89C6-4115-8F49-F85E2EA27E14}" type="sibTrans" cxnId="{31034EC5-5D5E-4D63-BEBF-8F1AB669D774}">
      <dgm:prSet custT="1"/>
      <dgm:spPr/>
      <dgm:t>
        <a:bodyPr/>
        <a:lstStyle/>
        <a:p>
          <a:endParaRPr lang="en-US" sz="1600"/>
        </a:p>
      </dgm:t>
    </dgm:pt>
    <dgm:pt modelId="{4F982BC8-1B5C-4792-B676-185BAA7B19E4}">
      <dgm:prSet phldrT="[Text]" custT="1"/>
      <dgm:spPr/>
      <dgm:t>
        <a:bodyPr/>
        <a:lstStyle/>
        <a:p>
          <a:r>
            <a:rPr lang="en-US" sz="1600" dirty="0"/>
            <a:t>Share information</a:t>
          </a:r>
        </a:p>
      </dgm:t>
    </dgm:pt>
    <dgm:pt modelId="{7EC6E69F-4317-4A8B-8950-B5FC26C07631}" type="parTrans" cxnId="{84DECF76-B8EE-4EA9-9801-018BCCA43CC4}">
      <dgm:prSet/>
      <dgm:spPr/>
      <dgm:t>
        <a:bodyPr/>
        <a:lstStyle/>
        <a:p>
          <a:endParaRPr lang="en-US" sz="1600"/>
        </a:p>
      </dgm:t>
    </dgm:pt>
    <dgm:pt modelId="{B2F803B2-7362-44B8-B917-A82A9F5C7045}" type="sibTrans" cxnId="{84DECF76-B8EE-4EA9-9801-018BCCA43CC4}">
      <dgm:prSet/>
      <dgm:spPr/>
      <dgm:t>
        <a:bodyPr/>
        <a:lstStyle/>
        <a:p>
          <a:endParaRPr lang="en-US" sz="1600"/>
        </a:p>
      </dgm:t>
    </dgm:pt>
    <dgm:pt modelId="{5381A8B2-3354-4396-AE64-57DAC151BCA1}">
      <dgm:prSet phldrT="[Text]" custT="1"/>
      <dgm:spPr>
        <a:solidFill>
          <a:schemeClr val="accent1"/>
        </a:solidFill>
      </dgm:spPr>
      <dgm:t>
        <a:bodyPr/>
        <a:lstStyle/>
        <a:p>
          <a:r>
            <a:rPr lang="en-US" sz="1600" dirty="0"/>
            <a:t>Facilitate data use</a:t>
          </a:r>
        </a:p>
      </dgm:t>
    </dgm:pt>
    <dgm:pt modelId="{DBDA36F8-8932-4578-8E89-1E7DE41B00A1}" type="parTrans" cxnId="{3305ABC0-6429-4D57-8598-6CECAD1B8F82}">
      <dgm:prSet/>
      <dgm:spPr/>
      <dgm:t>
        <a:bodyPr/>
        <a:lstStyle/>
        <a:p>
          <a:endParaRPr lang="en-US"/>
        </a:p>
      </dgm:t>
    </dgm:pt>
    <dgm:pt modelId="{321A4854-A173-48F2-8DD7-DEC3BD2E87F7}" type="sibTrans" cxnId="{3305ABC0-6429-4D57-8598-6CECAD1B8F82}">
      <dgm:prSet/>
      <dgm:spPr/>
      <dgm:t>
        <a:bodyPr/>
        <a:lstStyle/>
        <a:p>
          <a:endParaRPr lang="en-US"/>
        </a:p>
      </dgm:t>
    </dgm:pt>
    <dgm:pt modelId="{129C7060-BCCD-44D2-BD51-8DD3DAAAC67F}">
      <dgm:prSet phldrT="[Text]"/>
      <dgm:spPr/>
      <dgm:t>
        <a:bodyPr/>
        <a:lstStyle/>
        <a:p>
          <a:r>
            <a:rPr lang="en-US" dirty="0"/>
            <a:t>Create forms &amp; process</a:t>
          </a:r>
        </a:p>
      </dgm:t>
    </dgm:pt>
    <dgm:pt modelId="{55480C4E-5164-437F-B1AE-FB95A0B1A8F2}" type="parTrans" cxnId="{F79CB3E6-DA0A-44E1-B237-4FE9C1C8BD11}">
      <dgm:prSet/>
      <dgm:spPr/>
      <dgm:t>
        <a:bodyPr/>
        <a:lstStyle/>
        <a:p>
          <a:endParaRPr lang="en-US"/>
        </a:p>
      </dgm:t>
    </dgm:pt>
    <dgm:pt modelId="{57042113-06A4-4B2F-A0EF-75FBD645B6F0}" type="sibTrans" cxnId="{F79CB3E6-DA0A-44E1-B237-4FE9C1C8BD11}">
      <dgm:prSet/>
      <dgm:spPr/>
      <dgm:t>
        <a:bodyPr/>
        <a:lstStyle/>
        <a:p>
          <a:endParaRPr lang="en-US"/>
        </a:p>
      </dgm:t>
    </dgm:pt>
    <dgm:pt modelId="{C75CA068-B8FA-4E41-AF5E-5E9C35B970CF}" type="pres">
      <dgm:prSet presAssocID="{B118A677-901D-4501-89DF-79ABF8D3935B}" presName="cycle" presStyleCnt="0">
        <dgm:presLayoutVars>
          <dgm:dir/>
          <dgm:resizeHandles val="exact"/>
        </dgm:presLayoutVars>
      </dgm:prSet>
      <dgm:spPr/>
    </dgm:pt>
    <dgm:pt modelId="{82208B9D-5B84-4A53-8BD1-061C482929AE}" type="pres">
      <dgm:prSet presAssocID="{6C64FDEA-0C82-4D3D-923A-F1470E2AAD2B}" presName="node" presStyleLbl="node1" presStyleIdx="0" presStyleCnt="10">
        <dgm:presLayoutVars>
          <dgm:bulletEnabled val="1"/>
        </dgm:presLayoutVars>
      </dgm:prSet>
      <dgm:spPr/>
    </dgm:pt>
    <dgm:pt modelId="{E8FAE9D3-1392-4DA1-84B6-4CCB220C3BB8}" type="pres">
      <dgm:prSet presAssocID="{118B9D56-ED67-4BB8-B18D-3922DD6B883F}" presName="sibTrans" presStyleLbl="sibTrans2D1" presStyleIdx="0" presStyleCnt="10"/>
      <dgm:spPr/>
    </dgm:pt>
    <dgm:pt modelId="{B57CADB5-1B31-4D16-A024-FBA616362696}" type="pres">
      <dgm:prSet presAssocID="{118B9D56-ED67-4BB8-B18D-3922DD6B883F}" presName="connectorText" presStyleLbl="sibTrans2D1" presStyleIdx="0" presStyleCnt="10"/>
      <dgm:spPr/>
    </dgm:pt>
    <dgm:pt modelId="{04EF35E1-6994-4CD2-A609-A995D5D54997}" type="pres">
      <dgm:prSet presAssocID="{129C7060-BCCD-44D2-BD51-8DD3DAAAC67F}" presName="node" presStyleLbl="node1" presStyleIdx="1" presStyleCnt="10">
        <dgm:presLayoutVars>
          <dgm:bulletEnabled val="1"/>
        </dgm:presLayoutVars>
      </dgm:prSet>
      <dgm:spPr/>
    </dgm:pt>
    <dgm:pt modelId="{62117C00-F47F-45BD-A88D-EC573CA4A872}" type="pres">
      <dgm:prSet presAssocID="{57042113-06A4-4B2F-A0EF-75FBD645B6F0}" presName="sibTrans" presStyleLbl="sibTrans2D1" presStyleIdx="1" presStyleCnt="10"/>
      <dgm:spPr/>
    </dgm:pt>
    <dgm:pt modelId="{F0077A6B-A770-40D3-AE30-9ED6FABBBC74}" type="pres">
      <dgm:prSet presAssocID="{57042113-06A4-4B2F-A0EF-75FBD645B6F0}" presName="connectorText" presStyleLbl="sibTrans2D1" presStyleIdx="1" presStyleCnt="10"/>
      <dgm:spPr/>
    </dgm:pt>
    <dgm:pt modelId="{3D28F87A-A54F-4F9E-93D0-051E140E9CB8}" type="pres">
      <dgm:prSet presAssocID="{B9A85ABC-BBC6-46A8-8A84-DAAF96A6B413}" presName="node" presStyleLbl="node1" presStyleIdx="2" presStyleCnt="10">
        <dgm:presLayoutVars>
          <dgm:bulletEnabled val="1"/>
        </dgm:presLayoutVars>
      </dgm:prSet>
      <dgm:spPr/>
    </dgm:pt>
    <dgm:pt modelId="{222EE20C-312F-49E9-A1FD-0D95FA7C24E1}" type="pres">
      <dgm:prSet presAssocID="{241DB423-7F03-4333-9915-C66C510039B0}" presName="sibTrans" presStyleLbl="sibTrans2D1" presStyleIdx="2" presStyleCnt="10"/>
      <dgm:spPr/>
    </dgm:pt>
    <dgm:pt modelId="{DDAA37DD-516F-48B4-9C36-1122FAAD53FD}" type="pres">
      <dgm:prSet presAssocID="{241DB423-7F03-4333-9915-C66C510039B0}" presName="connectorText" presStyleLbl="sibTrans2D1" presStyleIdx="2" presStyleCnt="10"/>
      <dgm:spPr/>
    </dgm:pt>
    <dgm:pt modelId="{9E72C8EC-FC87-45A1-81BD-5C62AFED15E0}" type="pres">
      <dgm:prSet presAssocID="{C410CF56-CB2E-43DC-8718-2B18E6D79976}" presName="node" presStyleLbl="node1" presStyleIdx="3" presStyleCnt="10">
        <dgm:presLayoutVars>
          <dgm:bulletEnabled val="1"/>
        </dgm:presLayoutVars>
      </dgm:prSet>
      <dgm:spPr/>
    </dgm:pt>
    <dgm:pt modelId="{4172FDB8-FD75-44E6-B636-F169466EA6F2}" type="pres">
      <dgm:prSet presAssocID="{3DF8F1EB-5EFB-49B9-8F74-94F5F87720E8}" presName="sibTrans" presStyleLbl="sibTrans2D1" presStyleIdx="3" presStyleCnt="10"/>
      <dgm:spPr/>
    </dgm:pt>
    <dgm:pt modelId="{17467B67-A001-4B8A-B8DA-78DC25A04957}" type="pres">
      <dgm:prSet presAssocID="{3DF8F1EB-5EFB-49B9-8F74-94F5F87720E8}" presName="connectorText" presStyleLbl="sibTrans2D1" presStyleIdx="3" presStyleCnt="10"/>
      <dgm:spPr/>
    </dgm:pt>
    <dgm:pt modelId="{C5FBF30B-7429-4704-90D2-4454965FD314}" type="pres">
      <dgm:prSet presAssocID="{1B4C8C19-5181-4108-89BC-F55BA174E360}" presName="node" presStyleLbl="node1" presStyleIdx="4" presStyleCnt="10">
        <dgm:presLayoutVars>
          <dgm:bulletEnabled val="1"/>
        </dgm:presLayoutVars>
      </dgm:prSet>
      <dgm:spPr/>
    </dgm:pt>
    <dgm:pt modelId="{9BDCB39E-9B45-4116-ADAB-0FEE6C6B1C4B}" type="pres">
      <dgm:prSet presAssocID="{54BEF38F-23C0-4EB4-9DA8-9662545D0F9D}" presName="sibTrans" presStyleLbl="sibTrans2D1" presStyleIdx="4" presStyleCnt="10"/>
      <dgm:spPr/>
    </dgm:pt>
    <dgm:pt modelId="{D128A369-76A0-4D4D-835F-808E2E70F7D2}" type="pres">
      <dgm:prSet presAssocID="{54BEF38F-23C0-4EB4-9DA8-9662545D0F9D}" presName="connectorText" presStyleLbl="sibTrans2D1" presStyleIdx="4" presStyleCnt="10"/>
      <dgm:spPr/>
    </dgm:pt>
    <dgm:pt modelId="{72DBBB8A-A9D2-4A5B-A5A3-76FDD3B65AE9}" type="pres">
      <dgm:prSet presAssocID="{3B03D8DA-7765-4D4F-8302-CF83DA1FC68E}" presName="node" presStyleLbl="node1" presStyleIdx="5" presStyleCnt="10">
        <dgm:presLayoutVars>
          <dgm:bulletEnabled val="1"/>
        </dgm:presLayoutVars>
      </dgm:prSet>
      <dgm:spPr/>
    </dgm:pt>
    <dgm:pt modelId="{5C8BDD24-6C65-47C3-86C6-768CD8448650}" type="pres">
      <dgm:prSet presAssocID="{712CB416-C9B9-4720-BB84-1D45B548642D}" presName="sibTrans" presStyleLbl="sibTrans2D1" presStyleIdx="5" presStyleCnt="10"/>
      <dgm:spPr/>
    </dgm:pt>
    <dgm:pt modelId="{9591738F-221A-46C9-9612-3024E355C661}" type="pres">
      <dgm:prSet presAssocID="{712CB416-C9B9-4720-BB84-1D45B548642D}" presName="connectorText" presStyleLbl="sibTrans2D1" presStyleIdx="5" presStyleCnt="10"/>
      <dgm:spPr/>
    </dgm:pt>
    <dgm:pt modelId="{35D7121D-85F0-4E7F-8752-D7A676C355D2}" type="pres">
      <dgm:prSet presAssocID="{3C63CF14-15E0-4A52-978C-E2775CF2F6D6}" presName="node" presStyleLbl="node1" presStyleIdx="6" presStyleCnt="10">
        <dgm:presLayoutVars>
          <dgm:bulletEnabled val="1"/>
        </dgm:presLayoutVars>
      </dgm:prSet>
      <dgm:spPr/>
    </dgm:pt>
    <dgm:pt modelId="{3A8E9418-1B85-41DA-A8B4-76F2AEC9B2DE}" type="pres">
      <dgm:prSet presAssocID="{A59AA7F0-56E4-41B2-8EEA-61E33CC5C7E6}" presName="sibTrans" presStyleLbl="sibTrans2D1" presStyleIdx="6" presStyleCnt="10"/>
      <dgm:spPr/>
    </dgm:pt>
    <dgm:pt modelId="{5A3D895A-10C8-458C-9A06-08B816232134}" type="pres">
      <dgm:prSet presAssocID="{A59AA7F0-56E4-41B2-8EEA-61E33CC5C7E6}" presName="connectorText" presStyleLbl="sibTrans2D1" presStyleIdx="6" presStyleCnt="10"/>
      <dgm:spPr/>
    </dgm:pt>
    <dgm:pt modelId="{1A417AE2-7DCE-4A5B-AA84-E44756AEBA25}" type="pres">
      <dgm:prSet presAssocID="{40F7633A-E389-4232-A561-7C62CB33DF57}" presName="node" presStyleLbl="node1" presStyleIdx="7" presStyleCnt="10">
        <dgm:presLayoutVars>
          <dgm:bulletEnabled val="1"/>
        </dgm:presLayoutVars>
      </dgm:prSet>
      <dgm:spPr/>
    </dgm:pt>
    <dgm:pt modelId="{7DA4E6F5-5F82-4992-89FB-9A13017CE0DB}" type="pres">
      <dgm:prSet presAssocID="{C57DFDF2-89C6-4115-8F49-F85E2EA27E14}" presName="sibTrans" presStyleLbl="sibTrans2D1" presStyleIdx="7" presStyleCnt="10"/>
      <dgm:spPr/>
    </dgm:pt>
    <dgm:pt modelId="{627745EE-3BBA-4490-8B73-15AA4EE90DE8}" type="pres">
      <dgm:prSet presAssocID="{C57DFDF2-89C6-4115-8F49-F85E2EA27E14}" presName="connectorText" presStyleLbl="sibTrans2D1" presStyleIdx="7" presStyleCnt="10"/>
      <dgm:spPr/>
    </dgm:pt>
    <dgm:pt modelId="{CDB41F4F-688C-4490-B89A-F947556A62B7}" type="pres">
      <dgm:prSet presAssocID="{4F982BC8-1B5C-4792-B676-185BAA7B19E4}" presName="node" presStyleLbl="node1" presStyleIdx="8" presStyleCnt="10">
        <dgm:presLayoutVars>
          <dgm:bulletEnabled val="1"/>
        </dgm:presLayoutVars>
      </dgm:prSet>
      <dgm:spPr/>
    </dgm:pt>
    <dgm:pt modelId="{EFB7B187-C31B-40AD-BE1E-5BA7F7DB24E7}" type="pres">
      <dgm:prSet presAssocID="{B2F803B2-7362-44B8-B917-A82A9F5C7045}" presName="sibTrans" presStyleLbl="sibTrans2D1" presStyleIdx="8" presStyleCnt="10"/>
      <dgm:spPr/>
    </dgm:pt>
    <dgm:pt modelId="{D1598D26-F537-4878-977E-1292BAB1AC8C}" type="pres">
      <dgm:prSet presAssocID="{B2F803B2-7362-44B8-B917-A82A9F5C7045}" presName="connectorText" presStyleLbl="sibTrans2D1" presStyleIdx="8" presStyleCnt="10"/>
      <dgm:spPr/>
    </dgm:pt>
    <dgm:pt modelId="{34E71618-BC08-4DDB-8255-A70153FCCC66}" type="pres">
      <dgm:prSet presAssocID="{5381A8B2-3354-4396-AE64-57DAC151BCA1}" presName="node" presStyleLbl="node1" presStyleIdx="9" presStyleCnt="10" custScaleX="162914" custScaleY="152271">
        <dgm:presLayoutVars>
          <dgm:bulletEnabled val="1"/>
        </dgm:presLayoutVars>
      </dgm:prSet>
      <dgm:spPr/>
    </dgm:pt>
    <dgm:pt modelId="{837037DB-FD11-48C1-8969-B6A62613B709}" type="pres">
      <dgm:prSet presAssocID="{321A4854-A173-48F2-8DD7-DEC3BD2E87F7}" presName="sibTrans" presStyleLbl="sibTrans2D1" presStyleIdx="9" presStyleCnt="10"/>
      <dgm:spPr/>
    </dgm:pt>
    <dgm:pt modelId="{4AE07AC6-7BCC-4259-9258-302018F09847}" type="pres">
      <dgm:prSet presAssocID="{321A4854-A173-48F2-8DD7-DEC3BD2E87F7}" presName="connectorText" presStyleLbl="sibTrans2D1" presStyleIdx="9" presStyleCnt="10"/>
      <dgm:spPr/>
    </dgm:pt>
  </dgm:ptLst>
  <dgm:cxnLst>
    <dgm:cxn modelId="{A393E604-7E37-4308-B564-2A10075A479E}" type="presOf" srcId="{241DB423-7F03-4333-9915-C66C510039B0}" destId="{222EE20C-312F-49E9-A1FD-0D95FA7C24E1}" srcOrd="0" destOrd="0" presId="urn:microsoft.com/office/officeart/2005/8/layout/cycle2"/>
    <dgm:cxn modelId="{44A31208-4AFB-44AB-A949-C696E6906087}" type="presOf" srcId="{712CB416-C9B9-4720-BB84-1D45B548642D}" destId="{5C8BDD24-6C65-47C3-86C6-768CD8448650}" srcOrd="0" destOrd="0" presId="urn:microsoft.com/office/officeart/2005/8/layout/cycle2"/>
    <dgm:cxn modelId="{D632B510-DCD7-4833-B93E-E4B83D324A7C}" type="presOf" srcId="{C57DFDF2-89C6-4115-8F49-F85E2EA27E14}" destId="{627745EE-3BBA-4490-8B73-15AA4EE90DE8}" srcOrd="1" destOrd="0" presId="urn:microsoft.com/office/officeart/2005/8/layout/cycle2"/>
    <dgm:cxn modelId="{B5415715-9A4C-423A-B372-A0934706E884}" type="presOf" srcId="{C410CF56-CB2E-43DC-8718-2B18E6D79976}" destId="{9E72C8EC-FC87-45A1-81BD-5C62AFED15E0}" srcOrd="0" destOrd="0" presId="urn:microsoft.com/office/officeart/2005/8/layout/cycle2"/>
    <dgm:cxn modelId="{31EB9A22-215B-4F0C-BED5-7CC6154EF871}" type="presOf" srcId="{54BEF38F-23C0-4EB4-9DA8-9662545D0F9D}" destId="{9BDCB39E-9B45-4116-ADAB-0FEE6C6B1C4B}" srcOrd="0" destOrd="0" presId="urn:microsoft.com/office/officeart/2005/8/layout/cycle2"/>
    <dgm:cxn modelId="{3550A53B-D1BE-4F58-833D-383C3D6D2295}" type="presOf" srcId="{241DB423-7F03-4333-9915-C66C510039B0}" destId="{DDAA37DD-516F-48B4-9C36-1122FAAD53FD}" srcOrd="1" destOrd="0" presId="urn:microsoft.com/office/officeart/2005/8/layout/cycle2"/>
    <dgm:cxn modelId="{7A6A795B-13C7-4417-8B97-8F2D4B6AEC6D}" type="presOf" srcId="{3DF8F1EB-5EFB-49B9-8F74-94F5F87720E8}" destId="{4172FDB8-FD75-44E6-B636-F169466EA6F2}" srcOrd="0" destOrd="0" presId="urn:microsoft.com/office/officeart/2005/8/layout/cycle2"/>
    <dgm:cxn modelId="{74DC9A5D-DDFA-4363-A8D3-E220F6B18AAB}" type="presOf" srcId="{118B9D56-ED67-4BB8-B18D-3922DD6B883F}" destId="{E8FAE9D3-1392-4DA1-84B6-4CCB220C3BB8}" srcOrd="0" destOrd="0" presId="urn:microsoft.com/office/officeart/2005/8/layout/cycle2"/>
    <dgm:cxn modelId="{B2AE5442-EE12-463B-8ECD-375923F4951D}" type="presOf" srcId="{57042113-06A4-4B2F-A0EF-75FBD645B6F0}" destId="{F0077A6B-A770-40D3-AE30-9ED6FABBBC74}" srcOrd="1" destOrd="0" presId="urn:microsoft.com/office/officeart/2005/8/layout/cycle2"/>
    <dgm:cxn modelId="{EAA42064-2481-4CD4-BF70-8C20AFBD36C8}" type="presOf" srcId="{3DF8F1EB-5EFB-49B9-8F74-94F5F87720E8}" destId="{17467B67-A001-4B8A-B8DA-78DC25A04957}" srcOrd="1" destOrd="0" presId="urn:microsoft.com/office/officeart/2005/8/layout/cycle2"/>
    <dgm:cxn modelId="{C483CD45-5F30-4A90-9593-B1FD3DE7FEFA}" srcId="{B118A677-901D-4501-89DF-79ABF8D3935B}" destId="{3C63CF14-15E0-4A52-978C-E2775CF2F6D6}" srcOrd="6" destOrd="0" parTransId="{1074FAEA-468D-4264-9013-AC0D9B121032}" sibTransId="{A59AA7F0-56E4-41B2-8EEA-61E33CC5C7E6}"/>
    <dgm:cxn modelId="{E0D1F265-2DBC-493C-99EF-C6C4178A27A6}" type="presOf" srcId="{57042113-06A4-4B2F-A0EF-75FBD645B6F0}" destId="{62117C00-F47F-45BD-A88D-EC573CA4A872}" srcOrd="0" destOrd="0" presId="urn:microsoft.com/office/officeart/2005/8/layout/cycle2"/>
    <dgm:cxn modelId="{F20C626D-995F-4185-9704-6E163DA2038D}" type="presOf" srcId="{54BEF38F-23C0-4EB4-9DA8-9662545D0F9D}" destId="{D128A369-76A0-4D4D-835F-808E2E70F7D2}" srcOrd="1" destOrd="0" presId="urn:microsoft.com/office/officeart/2005/8/layout/cycle2"/>
    <dgm:cxn modelId="{DF42526D-8AE0-40DD-8C92-1201B0CA829D}" type="presOf" srcId="{40F7633A-E389-4232-A561-7C62CB33DF57}" destId="{1A417AE2-7DCE-4A5B-AA84-E44756AEBA25}" srcOrd="0" destOrd="0" presId="urn:microsoft.com/office/officeart/2005/8/layout/cycle2"/>
    <dgm:cxn modelId="{B87DF84F-12DB-4967-B9AA-9AC355CAF162}" type="presOf" srcId="{6C64FDEA-0C82-4D3D-923A-F1470E2AAD2B}" destId="{82208B9D-5B84-4A53-8BD1-061C482929AE}" srcOrd="0" destOrd="0" presId="urn:microsoft.com/office/officeart/2005/8/layout/cycle2"/>
    <dgm:cxn modelId="{96D47C50-298A-4F89-8AE3-C0FE760594FB}" type="presOf" srcId="{B118A677-901D-4501-89DF-79ABF8D3935B}" destId="{C75CA068-B8FA-4E41-AF5E-5E9C35B970CF}" srcOrd="0" destOrd="0" presId="urn:microsoft.com/office/officeart/2005/8/layout/cycle2"/>
    <dgm:cxn modelId="{4C9CDF53-E1DC-4DF2-9EF8-2835C0501261}" type="presOf" srcId="{C57DFDF2-89C6-4115-8F49-F85E2EA27E14}" destId="{7DA4E6F5-5F82-4992-89FB-9A13017CE0DB}" srcOrd="0" destOrd="0" presId="urn:microsoft.com/office/officeart/2005/8/layout/cycle2"/>
    <dgm:cxn modelId="{8D330175-33C0-4F58-89B2-E48FDA8597C4}" type="presOf" srcId="{3B03D8DA-7765-4D4F-8302-CF83DA1FC68E}" destId="{72DBBB8A-A9D2-4A5B-A5A3-76FDD3B65AE9}" srcOrd="0" destOrd="0" presId="urn:microsoft.com/office/officeart/2005/8/layout/cycle2"/>
    <dgm:cxn modelId="{84DECF76-B8EE-4EA9-9801-018BCCA43CC4}" srcId="{B118A677-901D-4501-89DF-79ABF8D3935B}" destId="{4F982BC8-1B5C-4792-B676-185BAA7B19E4}" srcOrd="8" destOrd="0" parTransId="{7EC6E69F-4317-4A8B-8950-B5FC26C07631}" sibTransId="{B2F803B2-7362-44B8-B917-A82A9F5C7045}"/>
    <dgm:cxn modelId="{1F59615A-DCAC-4ED0-8C5D-E885251127A2}" srcId="{B118A677-901D-4501-89DF-79ABF8D3935B}" destId="{6C64FDEA-0C82-4D3D-923A-F1470E2AAD2B}" srcOrd="0" destOrd="0" parTransId="{EFF114DD-9689-40CF-A8DA-C184CA4EEB7B}" sibTransId="{118B9D56-ED67-4BB8-B18D-3922DD6B883F}"/>
    <dgm:cxn modelId="{7A3DA681-181A-40C3-AA5B-E3F3F41FDDFD}" type="presOf" srcId="{321A4854-A173-48F2-8DD7-DEC3BD2E87F7}" destId="{4AE07AC6-7BCC-4259-9258-302018F09847}" srcOrd="1" destOrd="0" presId="urn:microsoft.com/office/officeart/2005/8/layout/cycle2"/>
    <dgm:cxn modelId="{6F07F2A5-2F9D-4110-B308-68F50E1C73C7}" srcId="{B118A677-901D-4501-89DF-79ABF8D3935B}" destId="{3B03D8DA-7765-4D4F-8302-CF83DA1FC68E}" srcOrd="5" destOrd="0" parTransId="{98208D4D-026D-4E14-8CEE-00296E217E49}" sibTransId="{712CB416-C9B9-4720-BB84-1D45B548642D}"/>
    <dgm:cxn modelId="{3AED8DA9-078B-4372-A2CB-7CAC0CA5AB1F}" type="presOf" srcId="{1B4C8C19-5181-4108-89BC-F55BA174E360}" destId="{C5FBF30B-7429-4704-90D2-4454965FD314}" srcOrd="0" destOrd="0" presId="urn:microsoft.com/office/officeart/2005/8/layout/cycle2"/>
    <dgm:cxn modelId="{5A3AD7AF-0A7D-496E-9876-F2E23913FA1F}" type="presOf" srcId="{A59AA7F0-56E4-41B2-8EEA-61E33CC5C7E6}" destId="{3A8E9418-1B85-41DA-A8B4-76F2AEC9B2DE}" srcOrd="0" destOrd="0" presId="urn:microsoft.com/office/officeart/2005/8/layout/cycle2"/>
    <dgm:cxn modelId="{291A37B3-FF18-4FFD-9108-C25B4F6E54CE}" type="presOf" srcId="{129C7060-BCCD-44D2-BD51-8DD3DAAAC67F}" destId="{04EF35E1-6994-4CD2-A609-A995D5D54997}" srcOrd="0" destOrd="0" presId="urn:microsoft.com/office/officeart/2005/8/layout/cycle2"/>
    <dgm:cxn modelId="{32D873B6-EAD1-427D-BDBB-350F5F289ADA}" srcId="{B118A677-901D-4501-89DF-79ABF8D3935B}" destId="{1B4C8C19-5181-4108-89BC-F55BA174E360}" srcOrd="4" destOrd="0" parTransId="{057A7C1C-8F71-4437-AFC7-4B9AEAEF129F}" sibTransId="{54BEF38F-23C0-4EB4-9DA8-9662545D0F9D}"/>
    <dgm:cxn modelId="{6D4A5CB7-D4D2-450A-8D68-7CD4101D8A50}" type="presOf" srcId="{118B9D56-ED67-4BB8-B18D-3922DD6B883F}" destId="{B57CADB5-1B31-4D16-A024-FBA616362696}" srcOrd="1" destOrd="0" presId="urn:microsoft.com/office/officeart/2005/8/layout/cycle2"/>
    <dgm:cxn modelId="{A6A5F3BA-CE05-40F8-93C8-D1B903BB6609}" type="presOf" srcId="{712CB416-C9B9-4720-BB84-1D45B548642D}" destId="{9591738F-221A-46C9-9612-3024E355C661}" srcOrd="1" destOrd="0" presId="urn:microsoft.com/office/officeart/2005/8/layout/cycle2"/>
    <dgm:cxn modelId="{0F4393BD-32AF-4665-8848-D02398DF0343}" type="presOf" srcId="{B9A85ABC-BBC6-46A8-8A84-DAAF96A6B413}" destId="{3D28F87A-A54F-4F9E-93D0-051E140E9CB8}" srcOrd="0" destOrd="0" presId="urn:microsoft.com/office/officeart/2005/8/layout/cycle2"/>
    <dgm:cxn modelId="{3305ABC0-6429-4D57-8598-6CECAD1B8F82}" srcId="{B118A677-901D-4501-89DF-79ABF8D3935B}" destId="{5381A8B2-3354-4396-AE64-57DAC151BCA1}" srcOrd="9" destOrd="0" parTransId="{DBDA36F8-8932-4578-8E89-1E7DE41B00A1}" sibTransId="{321A4854-A173-48F2-8DD7-DEC3BD2E87F7}"/>
    <dgm:cxn modelId="{8D38A6C4-27F8-4E48-8580-A2E23792858B}" type="presOf" srcId="{4F982BC8-1B5C-4792-B676-185BAA7B19E4}" destId="{CDB41F4F-688C-4490-B89A-F947556A62B7}" srcOrd="0" destOrd="0" presId="urn:microsoft.com/office/officeart/2005/8/layout/cycle2"/>
    <dgm:cxn modelId="{31034EC5-5D5E-4D63-BEBF-8F1AB669D774}" srcId="{B118A677-901D-4501-89DF-79ABF8D3935B}" destId="{40F7633A-E389-4232-A561-7C62CB33DF57}" srcOrd="7" destOrd="0" parTransId="{C28C3D76-7443-46B7-9F76-B461EB67C9D5}" sibTransId="{C57DFDF2-89C6-4115-8F49-F85E2EA27E14}"/>
    <dgm:cxn modelId="{FEBC28CE-E559-420D-9D17-867919B3DA3C}" type="presOf" srcId="{5381A8B2-3354-4396-AE64-57DAC151BCA1}" destId="{34E71618-BC08-4DDB-8255-A70153FCCC66}" srcOrd="0" destOrd="0" presId="urn:microsoft.com/office/officeart/2005/8/layout/cycle2"/>
    <dgm:cxn modelId="{237A6BD5-8EF8-4915-8706-6B6ADDEDE03B}" type="presOf" srcId="{321A4854-A173-48F2-8DD7-DEC3BD2E87F7}" destId="{837037DB-FD11-48C1-8969-B6A62613B709}" srcOrd="0" destOrd="0" presId="urn:microsoft.com/office/officeart/2005/8/layout/cycle2"/>
    <dgm:cxn modelId="{FA3C71E5-6EC9-463D-AB4E-D7172DC60803}" type="presOf" srcId="{B2F803B2-7362-44B8-B917-A82A9F5C7045}" destId="{D1598D26-F537-4878-977E-1292BAB1AC8C}" srcOrd="1" destOrd="0" presId="urn:microsoft.com/office/officeart/2005/8/layout/cycle2"/>
    <dgm:cxn modelId="{F79CB3E6-DA0A-44E1-B237-4FE9C1C8BD11}" srcId="{B118A677-901D-4501-89DF-79ABF8D3935B}" destId="{129C7060-BCCD-44D2-BD51-8DD3DAAAC67F}" srcOrd="1" destOrd="0" parTransId="{55480C4E-5164-437F-B1AE-FB95A0B1A8F2}" sibTransId="{57042113-06A4-4B2F-A0EF-75FBD645B6F0}"/>
    <dgm:cxn modelId="{FE74D2E8-61D4-4C4F-8B60-27BDBA2DFCA4}" type="presOf" srcId="{3C63CF14-15E0-4A52-978C-E2775CF2F6D6}" destId="{35D7121D-85F0-4E7F-8752-D7A676C355D2}" srcOrd="0" destOrd="0" presId="urn:microsoft.com/office/officeart/2005/8/layout/cycle2"/>
    <dgm:cxn modelId="{B4DD49EF-E2BD-4A49-A804-AD7B18127F91}" type="presOf" srcId="{A59AA7F0-56E4-41B2-8EEA-61E33CC5C7E6}" destId="{5A3D895A-10C8-458C-9A06-08B816232134}" srcOrd="1" destOrd="0" presId="urn:microsoft.com/office/officeart/2005/8/layout/cycle2"/>
    <dgm:cxn modelId="{C65E01F0-2324-4829-8660-4FF6E71A7776}" srcId="{B118A677-901D-4501-89DF-79ABF8D3935B}" destId="{B9A85ABC-BBC6-46A8-8A84-DAAF96A6B413}" srcOrd="2" destOrd="0" parTransId="{0297952C-63E2-4E14-A356-02FC186317FC}" sibTransId="{241DB423-7F03-4333-9915-C66C510039B0}"/>
    <dgm:cxn modelId="{91DC0FF3-110F-436D-A109-EA85EB588E98}" srcId="{B118A677-901D-4501-89DF-79ABF8D3935B}" destId="{C410CF56-CB2E-43DC-8718-2B18E6D79976}" srcOrd="3" destOrd="0" parTransId="{190972F5-28D8-411D-8015-9EE8551338ED}" sibTransId="{3DF8F1EB-5EFB-49B9-8F74-94F5F87720E8}"/>
    <dgm:cxn modelId="{B52451FF-4DC3-4D0F-A3ED-F5A79F66F50E}" type="presOf" srcId="{B2F803B2-7362-44B8-B917-A82A9F5C7045}" destId="{EFB7B187-C31B-40AD-BE1E-5BA7F7DB24E7}" srcOrd="0" destOrd="0" presId="urn:microsoft.com/office/officeart/2005/8/layout/cycle2"/>
    <dgm:cxn modelId="{8D081AEF-C443-4F2B-A3BE-DCD2C2C83DCE}" type="presParOf" srcId="{C75CA068-B8FA-4E41-AF5E-5E9C35B970CF}" destId="{82208B9D-5B84-4A53-8BD1-061C482929AE}" srcOrd="0" destOrd="0" presId="urn:microsoft.com/office/officeart/2005/8/layout/cycle2"/>
    <dgm:cxn modelId="{1BC1A167-5E62-459F-8DBB-55EADF82A18C}" type="presParOf" srcId="{C75CA068-B8FA-4E41-AF5E-5E9C35B970CF}" destId="{E8FAE9D3-1392-4DA1-84B6-4CCB220C3BB8}" srcOrd="1" destOrd="0" presId="urn:microsoft.com/office/officeart/2005/8/layout/cycle2"/>
    <dgm:cxn modelId="{4A58E40A-77DF-47D8-A1DD-557D58F5CB02}" type="presParOf" srcId="{E8FAE9D3-1392-4DA1-84B6-4CCB220C3BB8}" destId="{B57CADB5-1B31-4D16-A024-FBA616362696}" srcOrd="0" destOrd="0" presId="urn:microsoft.com/office/officeart/2005/8/layout/cycle2"/>
    <dgm:cxn modelId="{F828F5CF-B155-48B3-B40B-58997E28D111}" type="presParOf" srcId="{C75CA068-B8FA-4E41-AF5E-5E9C35B970CF}" destId="{04EF35E1-6994-4CD2-A609-A995D5D54997}" srcOrd="2" destOrd="0" presId="urn:microsoft.com/office/officeart/2005/8/layout/cycle2"/>
    <dgm:cxn modelId="{7AD56003-7FED-481B-A208-1C713AF21D94}" type="presParOf" srcId="{C75CA068-B8FA-4E41-AF5E-5E9C35B970CF}" destId="{62117C00-F47F-45BD-A88D-EC573CA4A872}" srcOrd="3" destOrd="0" presId="urn:microsoft.com/office/officeart/2005/8/layout/cycle2"/>
    <dgm:cxn modelId="{A94FA754-37F2-44DB-BABB-FB7B9F8FBAA8}" type="presParOf" srcId="{62117C00-F47F-45BD-A88D-EC573CA4A872}" destId="{F0077A6B-A770-40D3-AE30-9ED6FABBBC74}" srcOrd="0" destOrd="0" presId="urn:microsoft.com/office/officeart/2005/8/layout/cycle2"/>
    <dgm:cxn modelId="{FDB860C3-DADB-4305-AB62-6A3BE6A9AC11}" type="presParOf" srcId="{C75CA068-B8FA-4E41-AF5E-5E9C35B970CF}" destId="{3D28F87A-A54F-4F9E-93D0-051E140E9CB8}" srcOrd="4" destOrd="0" presId="urn:microsoft.com/office/officeart/2005/8/layout/cycle2"/>
    <dgm:cxn modelId="{94DE3202-2104-4713-A3A8-8592083EC695}" type="presParOf" srcId="{C75CA068-B8FA-4E41-AF5E-5E9C35B970CF}" destId="{222EE20C-312F-49E9-A1FD-0D95FA7C24E1}" srcOrd="5" destOrd="0" presId="urn:microsoft.com/office/officeart/2005/8/layout/cycle2"/>
    <dgm:cxn modelId="{7CD3866B-E6A8-4B1A-AE9E-623A83E9936A}" type="presParOf" srcId="{222EE20C-312F-49E9-A1FD-0D95FA7C24E1}" destId="{DDAA37DD-516F-48B4-9C36-1122FAAD53FD}" srcOrd="0" destOrd="0" presId="urn:microsoft.com/office/officeart/2005/8/layout/cycle2"/>
    <dgm:cxn modelId="{2E13FDA4-91BE-4BC0-B542-E4B9F27B6F6D}" type="presParOf" srcId="{C75CA068-B8FA-4E41-AF5E-5E9C35B970CF}" destId="{9E72C8EC-FC87-45A1-81BD-5C62AFED15E0}" srcOrd="6" destOrd="0" presId="urn:microsoft.com/office/officeart/2005/8/layout/cycle2"/>
    <dgm:cxn modelId="{FF664032-3501-441B-A980-B680C019890B}" type="presParOf" srcId="{C75CA068-B8FA-4E41-AF5E-5E9C35B970CF}" destId="{4172FDB8-FD75-44E6-B636-F169466EA6F2}" srcOrd="7" destOrd="0" presId="urn:microsoft.com/office/officeart/2005/8/layout/cycle2"/>
    <dgm:cxn modelId="{F8B48CBC-D701-4B6F-B136-C2AD926A5D92}" type="presParOf" srcId="{4172FDB8-FD75-44E6-B636-F169466EA6F2}" destId="{17467B67-A001-4B8A-B8DA-78DC25A04957}" srcOrd="0" destOrd="0" presId="urn:microsoft.com/office/officeart/2005/8/layout/cycle2"/>
    <dgm:cxn modelId="{AFDB771F-83A1-4F4E-94AE-26FE8B54590B}" type="presParOf" srcId="{C75CA068-B8FA-4E41-AF5E-5E9C35B970CF}" destId="{C5FBF30B-7429-4704-90D2-4454965FD314}" srcOrd="8" destOrd="0" presId="urn:microsoft.com/office/officeart/2005/8/layout/cycle2"/>
    <dgm:cxn modelId="{DDF3DEFE-C044-4BC5-B9A8-DBB0DFE2092B}" type="presParOf" srcId="{C75CA068-B8FA-4E41-AF5E-5E9C35B970CF}" destId="{9BDCB39E-9B45-4116-ADAB-0FEE6C6B1C4B}" srcOrd="9" destOrd="0" presId="urn:microsoft.com/office/officeart/2005/8/layout/cycle2"/>
    <dgm:cxn modelId="{C4EB160D-46A1-4B4D-AA4C-9F77206057B3}" type="presParOf" srcId="{9BDCB39E-9B45-4116-ADAB-0FEE6C6B1C4B}" destId="{D128A369-76A0-4D4D-835F-808E2E70F7D2}" srcOrd="0" destOrd="0" presId="urn:microsoft.com/office/officeart/2005/8/layout/cycle2"/>
    <dgm:cxn modelId="{4BA6910B-0A98-4E6B-B908-A70E2B962093}" type="presParOf" srcId="{C75CA068-B8FA-4E41-AF5E-5E9C35B970CF}" destId="{72DBBB8A-A9D2-4A5B-A5A3-76FDD3B65AE9}" srcOrd="10" destOrd="0" presId="urn:microsoft.com/office/officeart/2005/8/layout/cycle2"/>
    <dgm:cxn modelId="{A1E02D38-E229-4F55-98A7-06C1F61C4200}" type="presParOf" srcId="{C75CA068-B8FA-4E41-AF5E-5E9C35B970CF}" destId="{5C8BDD24-6C65-47C3-86C6-768CD8448650}" srcOrd="11" destOrd="0" presId="urn:microsoft.com/office/officeart/2005/8/layout/cycle2"/>
    <dgm:cxn modelId="{FA75B905-9B4D-4E45-8A27-772B86CF68B2}" type="presParOf" srcId="{5C8BDD24-6C65-47C3-86C6-768CD8448650}" destId="{9591738F-221A-46C9-9612-3024E355C661}" srcOrd="0" destOrd="0" presId="urn:microsoft.com/office/officeart/2005/8/layout/cycle2"/>
    <dgm:cxn modelId="{ECA79A72-C194-4C52-BDAD-B95471163FDD}" type="presParOf" srcId="{C75CA068-B8FA-4E41-AF5E-5E9C35B970CF}" destId="{35D7121D-85F0-4E7F-8752-D7A676C355D2}" srcOrd="12" destOrd="0" presId="urn:microsoft.com/office/officeart/2005/8/layout/cycle2"/>
    <dgm:cxn modelId="{B57F1AC5-6C2B-4A95-9858-8D7F0780ADB3}" type="presParOf" srcId="{C75CA068-B8FA-4E41-AF5E-5E9C35B970CF}" destId="{3A8E9418-1B85-41DA-A8B4-76F2AEC9B2DE}" srcOrd="13" destOrd="0" presId="urn:microsoft.com/office/officeart/2005/8/layout/cycle2"/>
    <dgm:cxn modelId="{1025F85C-3C48-4AA4-B742-8FBFF1DB4C84}" type="presParOf" srcId="{3A8E9418-1B85-41DA-A8B4-76F2AEC9B2DE}" destId="{5A3D895A-10C8-458C-9A06-08B816232134}" srcOrd="0" destOrd="0" presId="urn:microsoft.com/office/officeart/2005/8/layout/cycle2"/>
    <dgm:cxn modelId="{39DB532B-4F29-41E2-A709-697B4F966F87}" type="presParOf" srcId="{C75CA068-B8FA-4E41-AF5E-5E9C35B970CF}" destId="{1A417AE2-7DCE-4A5B-AA84-E44756AEBA25}" srcOrd="14" destOrd="0" presId="urn:microsoft.com/office/officeart/2005/8/layout/cycle2"/>
    <dgm:cxn modelId="{3F10AFBA-5A45-401B-860B-00881AD831D1}" type="presParOf" srcId="{C75CA068-B8FA-4E41-AF5E-5E9C35B970CF}" destId="{7DA4E6F5-5F82-4992-89FB-9A13017CE0DB}" srcOrd="15" destOrd="0" presId="urn:microsoft.com/office/officeart/2005/8/layout/cycle2"/>
    <dgm:cxn modelId="{2AB126A4-4BCB-477A-B91F-DA65ADD765DD}" type="presParOf" srcId="{7DA4E6F5-5F82-4992-89FB-9A13017CE0DB}" destId="{627745EE-3BBA-4490-8B73-15AA4EE90DE8}" srcOrd="0" destOrd="0" presId="urn:microsoft.com/office/officeart/2005/8/layout/cycle2"/>
    <dgm:cxn modelId="{5D3907F2-1F91-44D7-9550-2348D8B32F65}" type="presParOf" srcId="{C75CA068-B8FA-4E41-AF5E-5E9C35B970CF}" destId="{CDB41F4F-688C-4490-B89A-F947556A62B7}" srcOrd="16" destOrd="0" presId="urn:microsoft.com/office/officeart/2005/8/layout/cycle2"/>
    <dgm:cxn modelId="{A88536CB-FDB0-42E7-BCB5-6BFC1D745E22}" type="presParOf" srcId="{C75CA068-B8FA-4E41-AF5E-5E9C35B970CF}" destId="{EFB7B187-C31B-40AD-BE1E-5BA7F7DB24E7}" srcOrd="17" destOrd="0" presId="urn:microsoft.com/office/officeart/2005/8/layout/cycle2"/>
    <dgm:cxn modelId="{B837ACAC-24CF-43A7-884B-FCA928A46498}" type="presParOf" srcId="{EFB7B187-C31B-40AD-BE1E-5BA7F7DB24E7}" destId="{D1598D26-F537-4878-977E-1292BAB1AC8C}" srcOrd="0" destOrd="0" presId="urn:microsoft.com/office/officeart/2005/8/layout/cycle2"/>
    <dgm:cxn modelId="{EEC3011F-3FE4-41E6-B627-069E851C0B52}" type="presParOf" srcId="{C75CA068-B8FA-4E41-AF5E-5E9C35B970CF}" destId="{34E71618-BC08-4DDB-8255-A70153FCCC66}" srcOrd="18" destOrd="0" presId="urn:microsoft.com/office/officeart/2005/8/layout/cycle2"/>
    <dgm:cxn modelId="{ABB5EA70-E4A6-4B61-AF79-63EAD5406AAB}" type="presParOf" srcId="{C75CA068-B8FA-4E41-AF5E-5E9C35B970CF}" destId="{837037DB-FD11-48C1-8969-B6A62613B709}" srcOrd="19" destOrd="0" presId="urn:microsoft.com/office/officeart/2005/8/layout/cycle2"/>
    <dgm:cxn modelId="{DF62338A-7A9B-49A3-8DF4-DE72671CE66D}" type="presParOf" srcId="{837037DB-FD11-48C1-8969-B6A62613B709}" destId="{4AE07AC6-7BCC-4259-9258-302018F09847}" srcOrd="0" destOrd="0" presId="urn:microsoft.com/office/officeart/2005/8/layout/cycle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13.xml><?xml version="1.0" encoding="utf-8"?>
<dgm:dataModel xmlns:dgm="http://schemas.openxmlformats.org/drawingml/2006/diagram" xmlns:a="http://schemas.openxmlformats.org/drawingml/2006/main">
  <dgm:ptLst>
    <dgm:pt modelId="{ADCB187E-1D34-4D41-9203-B628020E00A0}" type="doc">
      <dgm:prSet loTypeId="urn:microsoft.com/office/officeart/2005/8/layout/hierarchy6" loCatId="hierarchy" qsTypeId="urn:microsoft.com/office/officeart/2005/8/quickstyle/simple5" qsCatId="simple" csTypeId="urn:microsoft.com/office/officeart/2005/8/colors/accent6_1" csCatId="accent6" phldr="1"/>
      <dgm:spPr/>
      <dgm:t>
        <a:bodyPr/>
        <a:lstStyle/>
        <a:p>
          <a:endParaRPr lang="en-US"/>
        </a:p>
      </dgm:t>
    </dgm:pt>
    <dgm:pt modelId="{1E026FF6-0782-4E5B-97F2-23E34224BC7E}">
      <dgm:prSet phldrT="[Text]"/>
      <dgm:spPr/>
      <dgm:t>
        <a:bodyPr/>
        <a:lstStyle/>
        <a:p>
          <a:r>
            <a:rPr lang="en-US" dirty="0"/>
            <a:t>MEL Manager &amp; Team</a:t>
          </a:r>
        </a:p>
      </dgm:t>
    </dgm:pt>
    <dgm:pt modelId="{CCCDEAB6-9D7E-48F3-BDB2-F16863A5528F}" type="parTrans" cxnId="{C6D477A1-3C59-4132-A853-8A67AE14EC3C}">
      <dgm:prSet/>
      <dgm:spPr/>
      <dgm:t>
        <a:bodyPr/>
        <a:lstStyle/>
        <a:p>
          <a:endParaRPr lang="en-US"/>
        </a:p>
      </dgm:t>
    </dgm:pt>
    <dgm:pt modelId="{C00C695E-EC93-4FB7-B5F9-798FB6D70D73}" type="sibTrans" cxnId="{C6D477A1-3C59-4132-A853-8A67AE14EC3C}">
      <dgm:prSet/>
      <dgm:spPr/>
      <dgm:t>
        <a:bodyPr/>
        <a:lstStyle/>
        <a:p>
          <a:endParaRPr lang="en-US"/>
        </a:p>
      </dgm:t>
    </dgm:pt>
    <dgm:pt modelId="{424FBEC1-7B03-4D04-927F-9762A30EB29C}">
      <dgm:prSet phldrT="[Text]"/>
      <dgm:spPr/>
      <dgm:t>
        <a:bodyPr/>
        <a:lstStyle/>
        <a:p>
          <a:r>
            <a:rPr lang="en-US" dirty="0"/>
            <a:t>Resilience Program Coordinator</a:t>
          </a:r>
        </a:p>
      </dgm:t>
    </dgm:pt>
    <dgm:pt modelId="{3303FCA4-CA7F-4D6E-8364-BC6DF6F5138E}" type="parTrans" cxnId="{DCDA90F7-58E5-462D-888B-E9B7BF545E87}">
      <dgm:prSet/>
      <dgm:spPr/>
      <dgm:t>
        <a:bodyPr/>
        <a:lstStyle/>
        <a:p>
          <a:endParaRPr lang="en-US"/>
        </a:p>
      </dgm:t>
    </dgm:pt>
    <dgm:pt modelId="{A851DE8A-7AF6-44DF-8EE0-DB81439A2504}" type="sibTrans" cxnId="{DCDA90F7-58E5-462D-888B-E9B7BF545E87}">
      <dgm:prSet/>
      <dgm:spPr/>
      <dgm:t>
        <a:bodyPr/>
        <a:lstStyle/>
        <a:p>
          <a:endParaRPr lang="en-US"/>
        </a:p>
      </dgm:t>
    </dgm:pt>
    <dgm:pt modelId="{12EAEA5F-83E7-49A6-BDD2-1A5F2C1D4B98}">
      <dgm:prSet phldrT="[Text]"/>
      <dgm:spPr/>
      <dgm:t>
        <a:bodyPr/>
        <a:lstStyle/>
        <a:p>
          <a:r>
            <a:rPr lang="en-US" dirty="0"/>
            <a:t>Program Managers</a:t>
          </a:r>
        </a:p>
      </dgm:t>
    </dgm:pt>
    <dgm:pt modelId="{E96429BA-5464-464E-B935-FB589D7DA829}" type="parTrans" cxnId="{3483D6F3-BC82-44CF-ADB3-94E4236FBE5B}">
      <dgm:prSet/>
      <dgm:spPr/>
      <dgm:t>
        <a:bodyPr/>
        <a:lstStyle/>
        <a:p>
          <a:endParaRPr lang="en-US"/>
        </a:p>
      </dgm:t>
    </dgm:pt>
    <dgm:pt modelId="{6B051117-0853-4603-BD24-DA968CFD7CDE}" type="sibTrans" cxnId="{3483D6F3-BC82-44CF-ADB3-94E4236FBE5B}">
      <dgm:prSet/>
      <dgm:spPr/>
      <dgm:t>
        <a:bodyPr/>
        <a:lstStyle/>
        <a:p>
          <a:endParaRPr lang="en-US"/>
        </a:p>
      </dgm:t>
    </dgm:pt>
    <dgm:pt modelId="{41C42949-6F0A-48C4-8187-505C417CD3B8}">
      <dgm:prSet phldrT="[Text]"/>
      <dgm:spPr/>
      <dgm:t>
        <a:bodyPr/>
        <a:lstStyle/>
        <a:p>
          <a:r>
            <a:rPr lang="en-US" dirty="0"/>
            <a:t>Regional &amp; District MEL Staff</a:t>
          </a:r>
        </a:p>
      </dgm:t>
    </dgm:pt>
    <dgm:pt modelId="{59B97628-808B-46EE-A0FC-5C5E4B30059E}" type="parTrans" cxnId="{590877CA-4454-4D42-87BE-B9AEED4BD674}">
      <dgm:prSet/>
      <dgm:spPr/>
      <dgm:t>
        <a:bodyPr/>
        <a:lstStyle/>
        <a:p>
          <a:endParaRPr lang="en-US"/>
        </a:p>
      </dgm:t>
    </dgm:pt>
    <dgm:pt modelId="{C3646FF6-641F-4712-941E-9A06578267CF}" type="sibTrans" cxnId="{590877CA-4454-4D42-87BE-B9AEED4BD674}">
      <dgm:prSet/>
      <dgm:spPr/>
      <dgm:t>
        <a:bodyPr/>
        <a:lstStyle/>
        <a:p>
          <a:endParaRPr lang="en-US"/>
        </a:p>
      </dgm:t>
    </dgm:pt>
    <dgm:pt modelId="{B7B5F15C-870D-419C-BAF1-B7D292E7B648}">
      <dgm:prSet phldrT="[Text]"/>
      <dgm:spPr/>
      <dgm:t>
        <a:bodyPr/>
        <a:lstStyle/>
        <a:p>
          <a:r>
            <a:rPr lang="en-US" dirty="0"/>
            <a:t>Regional  Sector Officers</a:t>
          </a:r>
        </a:p>
      </dgm:t>
    </dgm:pt>
    <dgm:pt modelId="{0A2CDF09-7863-4E61-A18D-7895F36F9902}" type="parTrans" cxnId="{33C61DFD-5C46-4DEC-8E82-C1FBAD9B8458}">
      <dgm:prSet/>
      <dgm:spPr/>
      <dgm:t>
        <a:bodyPr/>
        <a:lstStyle/>
        <a:p>
          <a:endParaRPr lang="en-US"/>
        </a:p>
      </dgm:t>
    </dgm:pt>
    <dgm:pt modelId="{E54DB48E-9B38-4903-8CB2-521BFD7202D0}" type="sibTrans" cxnId="{33C61DFD-5C46-4DEC-8E82-C1FBAD9B8458}">
      <dgm:prSet/>
      <dgm:spPr/>
      <dgm:t>
        <a:bodyPr/>
        <a:lstStyle/>
        <a:p>
          <a:endParaRPr lang="en-US"/>
        </a:p>
      </dgm:t>
    </dgm:pt>
    <dgm:pt modelId="{DAD04B2F-63DF-4CFC-9816-295E6FD4D68F}">
      <dgm:prSet phldrT="[Text]"/>
      <dgm:spPr/>
      <dgm:t>
        <a:bodyPr/>
        <a:lstStyle/>
        <a:p>
          <a:r>
            <a:rPr lang="en-US" dirty="0"/>
            <a:t>Regional Field Coordinators</a:t>
          </a:r>
        </a:p>
      </dgm:t>
    </dgm:pt>
    <dgm:pt modelId="{2BAC98C5-002F-4B40-9914-1BE5BB6CEE17}" type="parTrans" cxnId="{C49EFC19-010B-4CDA-85D3-AD391FDCFD4D}">
      <dgm:prSet/>
      <dgm:spPr/>
      <dgm:t>
        <a:bodyPr/>
        <a:lstStyle/>
        <a:p>
          <a:endParaRPr lang="en-US"/>
        </a:p>
      </dgm:t>
    </dgm:pt>
    <dgm:pt modelId="{E01C34F1-08F9-4536-AA75-75A9C26D61ED}" type="sibTrans" cxnId="{C49EFC19-010B-4CDA-85D3-AD391FDCFD4D}">
      <dgm:prSet/>
      <dgm:spPr/>
      <dgm:t>
        <a:bodyPr/>
        <a:lstStyle/>
        <a:p>
          <a:endParaRPr lang="en-US"/>
        </a:p>
      </dgm:t>
    </dgm:pt>
    <dgm:pt modelId="{0755C704-6E59-4E96-82E9-295062DEAEF0}">
      <dgm:prSet phldrT="[Text]"/>
      <dgm:spPr/>
      <dgm:t>
        <a:bodyPr/>
        <a:lstStyle/>
        <a:p>
          <a:r>
            <a:rPr lang="en-US" dirty="0"/>
            <a:t>Kathmandu Office</a:t>
          </a:r>
        </a:p>
      </dgm:t>
    </dgm:pt>
    <dgm:pt modelId="{4C5B5462-3F76-4399-9D3F-C40E886C6F97}" type="parTrans" cxnId="{06281288-B272-44A8-BB86-EF834FABAA1D}">
      <dgm:prSet/>
      <dgm:spPr/>
      <dgm:t>
        <a:bodyPr/>
        <a:lstStyle/>
        <a:p>
          <a:endParaRPr lang="en-US"/>
        </a:p>
      </dgm:t>
    </dgm:pt>
    <dgm:pt modelId="{3FDA65EE-5D65-4BFD-AE34-E695BF90F716}" type="sibTrans" cxnId="{06281288-B272-44A8-BB86-EF834FABAA1D}">
      <dgm:prSet/>
      <dgm:spPr/>
      <dgm:t>
        <a:bodyPr/>
        <a:lstStyle/>
        <a:p>
          <a:endParaRPr lang="en-US"/>
        </a:p>
      </dgm:t>
    </dgm:pt>
    <dgm:pt modelId="{4E29BE72-E2EF-48B3-B841-3B1137A814DB}">
      <dgm:prSet phldrT="[Text]"/>
      <dgm:spPr/>
      <dgm:t>
        <a:bodyPr/>
        <a:lstStyle/>
        <a:p>
          <a:r>
            <a:rPr lang="en-US" dirty="0"/>
            <a:t>Regional Office</a:t>
          </a:r>
        </a:p>
      </dgm:t>
    </dgm:pt>
    <dgm:pt modelId="{1956B258-A414-4F5E-A792-8414B920C63C}" type="parTrans" cxnId="{E94ED81B-B680-4775-B579-6B435C55A3F7}">
      <dgm:prSet/>
      <dgm:spPr/>
      <dgm:t>
        <a:bodyPr/>
        <a:lstStyle/>
        <a:p>
          <a:endParaRPr lang="en-US"/>
        </a:p>
      </dgm:t>
    </dgm:pt>
    <dgm:pt modelId="{18FD86EF-5953-41A2-81C5-6FADE6817AAA}" type="sibTrans" cxnId="{E94ED81B-B680-4775-B579-6B435C55A3F7}">
      <dgm:prSet/>
      <dgm:spPr/>
      <dgm:t>
        <a:bodyPr/>
        <a:lstStyle/>
        <a:p>
          <a:endParaRPr lang="en-US"/>
        </a:p>
      </dgm:t>
    </dgm:pt>
    <dgm:pt modelId="{0C27789E-F73D-4C4E-A530-270584B3A8E8}">
      <dgm:prSet phldrT="[Text]"/>
      <dgm:spPr/>
      <dgm:t>
        <a:bodyPr/>
        <a:lstStyle/>
        <a:p>
          <a:r>
            <a:rPr lang="en-US" dirty="0"/>
            <a:t>District Office</a:t>
          </a:r>
        </a:p>
      </dgm:t>
    </dgm:pt>
    <dgm:pt modelId="{270A5702-ECBC-48FC-8EE7-270FD0E3C66D}" type="parTrans" cxnId="{0C2B9C53-9CCE-443C-9313-1A9104B8765B}">
      <dgm:prSet/>
      <dgm:spPr/>
      <dgm:t>
        <a:bodyPr/>
        <a:lstStyle/>
        <a:p>
          <a:endParaRPr lang="en-US"/>
        </a:p>
      </dgm:t>
    </dgm:pt>
    <dgm:pt modelId="{465CB797-6A2A-40D0-AFC2-E9C8762671E8}" type="sibTrans" cxnId="{0C2B9C53-9CCE-443C-9313-1A9104B8765B}">
      <dgm:prSet/>
      <dgm:spPr/>
      <dgm:t>
        <a:bodyPr/>
        <a:lstStyle/>
        <a:p>
          <a:endParaRPr lang="en-US"/>
        </a:p>
      </dgm:t>
    </dgm:pt>
    <dgm:pt modelId="{9F4C0652-9408-4937-86CD-3D4E5B281A09}">
      <dgm:prSet phldrT="[Text]"/>
      <dgm:spPr/>
      <dgm:t>
        <a:bodyPr/>
        <a:lstStyle/>
        <a:p>
          <a:r>
            <a:rPr lang="en-US" dirty="0"/>
            <a:t>Village Office</a:t>
          </a:r>
        </a:p>
      </dgm:t>
    </dgm:pt>
    <dgm:pt modelId="{C83C37FD-DCCD-468D-81E0-70E079FD439E}" type="parTrans" cxnId="{B77B84E9-4DFD-4607-9F6A-2F0B331DC1E8}">
      <dgm:prSet/>
      <dgm:spPr/>
      <dgm:t>
        <a:bodyPr/>
        <a:lstStyle/>
        <a:p>
          <a:endParaRPr lang="en-US"/>
        </a:p>
      </dgm:t>
    </dgm:pt>
    <dgm:pt modelId="{1C516718-906B-4733-B57E-DD73239FFD73}" type="sibTrans" cxnId="{B77B84E9-4DFD-4607-9F6A-2F0B331DC1E8}">
      <dgm:prSet/>
      <dgm:spPr/>
      <dgm:t>
        <a:bodyPr/>
        <a:lstStyle/>
        <a:p>
          <a:endParaRPr lang="en-US"/>
        </a:p>
      </dgm:t>
    </dgm:pt>
    <dgm:pt modelId="{C49A7F80-5CF0-4CCB-9175-391760432FBC}">
      <dgm:prSet phldrT="[Text]"/>
      <dgm:spPr/>
      <dgm:t>
        <a:bodyPr/>
        <a:lstStyle/>
        <a:p>
          <a:r>
            <a:rPr lang="en-US"/>
            <a:t>District MEL Staff</a:t>
          </a:r>
          <a:endParaRPr lang="en-US" dirty="0"/>
        </a:p>
      </dgm:t>
    </dgm:pt>
    <dgm:pt modelId="{BB514A8B-BF58-4F62-815F-0F762400F704}" type="parTrans" cxnId="{817ED461-AB81-4E09-8A1C-C39C720EE345}">
      <dgm:prSet/>
      <dgm:spPr/>
      <dgm:t>
        <a:bodyPr/>
        <a:lstStyle/>
        <a:p>
          <a:endParaRPr lang="en-US"/>
        </a:p>
      </dgm:t>
    </dgm:pt>
    <dgm:pt modelId="{A5EF7627-1B3C-4843-825C-C251D8A9D1E5}" type="sibTrans" cxnId="{817ED461-AB81-4E09-8A1C-C39C720EE345}">
      <dgm:prSet/>
      <dgm:spPr/>
      <dgm:t>
        <a:bodyPr/>
        <a:lstStyle/>
        <a:p>
          <a:endParaRPr lang="en-US"/>
        </a:p>
      </dgm:t>
    </dgm:pt>
    <dgm:pt modelId="{BDF73519-610D-4824-BA74-2D418C9AA85E}">
      <dgm:prSet phldrT="[Text]"/>
      <dgm:spPr/>
      <dgm:t>
        <a:bodyPr/>
        <a:lstStyle/>
        <a:p>
          <a:r>
            <a:rPr lang="en-US" dirty="0"/>
            <a:t>District Coordinators</a:t>
          </a:r>
        </a:p>
      </dgm:t>
    </dgm:pt>
    <dgm:pt modelId="{FF5FA833-C6FC-4CDB-80C6-E7FE4C6617DC}" type="parTrans" cxnId="{F2172415-857E-454E-99A7-5923F9A8FD23}">
      <dgm:prSet/>
      <dgm:spPr/>
      <dgm:t>
        <a:bodyPr/>
        <a:lstStyle/>
        <a:p>
          <a:endParaRPr lang="en-US"/>
        </a:p>
      </dgm:t>
    </dgm:pt>
    <dgm:pt modelId="{EAAB6519-1A7E-4A3F-8AA1-3F1D15EDD3E2}" type="sibTrans" cxnId="{F2172415-857E-454E-99A7-5923F9A8FD23}">
      <dgm:prSet/>
      <dgm:spPr/>
      <dgm:t>
        <a:bodyPr/>
        <a:lstStyle/>
        <a:p>
          <a:endParaRPr lang="en-US"/>
        </a:p>
      </dgm:t>
    </dgm:pt>
    <dgm:pt modelId="{7AAAEC7A-6140-4B37-B755-4C270C201AD4}">
      <dgm:prSet phldrT="[Text]"/>
      <dgm:spPr/>
      <dgm:t>
        <a:bodyPr/>
        <a:lstStyle/>
        <a:p>
          <a:r>
            <a:rPr lang="en-US" dirty="0"/>
            <a:t>District Technical Officers</a:t>
          </a:r>
        </a:p>
      </dgm:t>
    </dgm:pt>
    <dgm:pt modelId="{571E60E1-283D-454F-B6E3-0423BF86045A}" type="parTrans" cxnId="{BFF22430-AB76-4D5D-9B24-044ED95F32A6}">
      <dgm:prSet/>
      <dgm:spPr/>
      <dgm:t>
        <a:bodyPr/>
        <a:lstStyle/>
        <a:p>
          <a:endParaRPr lang="en-US"/>
        </a:p>
      </dgm:t>
    </dgm:pt>
    <dgm:pt modelId="{6FFC9FCC-3B2C-49E6-A3FA-1756134FC17C}" type="sibTrans" cxnId="{BFF22430-AB76-4D5D-9B24-044ED95F32A6}">
      <dgm:prSet/>
      <dgm:spPr/>
      <dgm:t>
        <a:bodyPr/>
        <a:lstStyle/>
        <a:p>
          <a:endParaRPr lang="en-US"/>
        </a:p>
      </dgm:t>
    </dgm:pt>
    <dgm:pt modelId="{535FEC92-7478-4C30-9F60-A35F7F0055AE}">
      <dgm:prSet phldrT="[Text]"/>
      <dgm:spPr/>
      <dgm:t>
        <a:bodyPr/>
        <a:lstStyle/>
        <a:p>
          <a:r>
            <a:rPr lang="en-US" dirty="0"/>
            <a:t>Extension Officers</a:t>
          </a:r>
        </a:p>
      </dgm:t>
    </dgm:pt>
    <dgm:pt modelId="{0AAB7997-3024-431E-B792-8540A638B36F}" type="parTrans" cxnId="{17995B7D-DD86-4CB1-8D0E-03BA93298161}">
      <dgm:prSet/>
      <dgm:spPr/>
      <dgm:t>
        <a:bodyPr/>
        <a:lstStyle/>
        <a:p>
          <a:endParaRPr lang="en-US"/>
        </a:p>
      </dgm:t>
    </dgm:pt>
    <dgm:pt modelId="{23F5F5AA-725E-437C-8A78-0BF32CEAD68F}" type="sibTrans" cxnId="{17995B7D-DD86-4CB1-8D0E-03BA93298161}">
      <dgm:prSet/>
      <dgm:spPr/>
      <dgm:t>
        <a:bodyPr/>
        <a:lstStyle/>
        <a:p>
          <a:endParaRPr lang="en-US"/>
        </a:p>
      </dgm:t>
    </dgm:pt>
    <dgm:pt modelId="{E7F93571-1B8C-43C2-8CD8-1EFB1BF611C8}">
      <dgm:prSet phldrT="[Text]"/>
      <dgm:spPr/>
      <dgm:t>
        <a:bodyPr/>
        <a:lstStyle/>
        <a:p>
          <a:endParaRPr lang="en-US" dirty="0"/>
        </a:p>
      </dgm:t>
    </dgm:pt>
    <dgm:pt modelId="{374798A0-B3B7-47F2-A809-01935883C7DF}" type="sibTrans" cxnId="{6959DB59-C376-4D29-B4A5-F0A8406258CC}">
      <dgm:prSet/>
      <dgm:spPr/>
      <dgm:t>
        <a:bodyPr/>
        <a:lstStyle/>
        <a:p>
          <a:endParaRPr lang="en-US"/>
        </a:p>
      </dgm:t>
    </dgm:pt>
    <dgm:pt modelId="{ABC0E2E8-1C86-4DAF-8DED-03247F69AAED}" type="parTrans" cxnId="{6959DB59-C376-4D29-B4A5-F0A8406258CC}">
      <dgm:prSet/>
      <dgm:spPr/>
      <dgm:t>
        <a:bodyPr/>
        <a:lstStyle/>
        <a:p>
          <a:endParaRPr lang="en-US"/>
        </a:p>
      </dgm:t>
    </dgm:pt>
    <dgm:pt modelId="{D0621153-69C7-4F03-A761-92ABA6EB3630}">
      <dgm:prSet phldrT="[Text]"/>
      <dgm:spPr/>
      <dgm:t>
        <a:bodyPr/>
        <a:lstStyle/>
        <a:p>
          <a:r>
            <a:rPr lang="en-US" dirty="0"/>
            <a:t>COP</a:t>
          </a:r>
        </a:p>
      </dgm:t>
    </dgm:pt>
    <dgm:pt modelId="{FB1788B3-0655-4E1A-8E2F-7E4C0DDF3A80}" type="sibTrans" cxnId="{65349B5D-59D8-4D60-ACA0-5EC02DCB0E83}">
      <dgm:prSet/>
      <dgm:spPr/>
      <dgm:t>
        <a:bodyPr/>
        <a:lstStyle/>
        <a:p>
          <a:endParaRPr lang="en-US"/>
        </a:p>
      </dgm:t>
    </dgm:pt>
    <dgm:pt modelId="{E8F1996C-2F5D-4C15-B3B0-3ADF65C4D036}" type="parTrans" cxnId="{65349B5D-59D8-4D60-ACA0-5EC02DCB0E83}">
      <dgm:prSet/>
      <dgm:spPr/>
      <dgm:t>
        <a:bodyPr/>
        <a:lstStyle/>
        <a:p>
          <a:endParaRPr lang="en-US"/>
        </a:p>
      </dgm:t>
    </dgm:pt>
    <dgm:pt modelId="{C61D2DE9-0971-4136-BEFA-CFEDD4CECACF}" type="pres">
      <dgm:prSet presAssocID="{ADCB187E-1D34-4D41-9203-B628020E00A0}" presName="mainComposite" presStyleCnt="0">
        <dgm:presLayoutVars>
          <dgm:chPref val="1"/>
          <dgm:dir val="rev"/>
          <dgm:animOne val="branch"/>
          <dgm:animLvl val="lvl"/>
          <dgm:resizeHandles val="exact"/>
        </dgm:presLayoutVars>
      </dgm:prSet>
      <dgm:spPr/>
    </dgm:pt>
    <dgm:pt modelId="{EDEBB0B4-7F59-433E-A1BE-9658BC338D59}" type="pres">
      <dgm:prSet presAssocID="{ADCB187E-1D34-4D41-9203-B628020E00A0}" presName="hierFlow" presStyleCnt="0"/>
      <dgm:spPr/>
    </dgm:pt>
    <dgm:pt modelId="{6E20D07E-D4DF-4C5D-9725-DEED24F2752A}" type="pres">
      <dgm:prSet presAssocID="{ADCB187E-1D34-4D41-9203-B628020E00A0}" presName="firstBuf" presStyleCnt="0"/>
      <dgm:spPr/>
    </dgm:pt>
    <dgm:pt modelId="{77EB08E1-88BB-453E-A90D-9AC2EBDFD140}" type="pres">
      <dgm:prSet presAssocID="{ADCB187E-1D34-4D41-9203-B628020E00A0}" presName="hierChild1" presStyleCnt="0">
        <dgm:presLayoutVars>
          <dgm:chPref val="1"/>
          <dgm:animOne val="branch"/>
          <dgm:animLvl val="lvl"/>
        </dgm:presLayoutVars>
      </dgm:prSet>
      <dgm:spPr/>
    </dgm:pt>
    <dgm:pt modelId="{726A2727-48C2-479A-9657-96FCA97E8D59}" type="pres">
      <dgm:prSet presAssocID="{D0621153-69C7-4F03-A761-92ABA6EB3630}" presName="Name14" presStyleCnt="0"/>
      <dgm:spPr/>
    </dgm:pt>
    <dgm:pt modelId="{5B62E30A-3D21-437C-B3C7-0DFFD3DB4BDA}" type="pres">
      <dgm:prSet presAssocID="{D0621153-69C7-4F03-A761-92ABA6EB3630}" presName="level1Shape" presStyleLbl="node0" presStyleIdx="0" presStyleCnt="1">
        <dgm:presLayoutVars>
          <dgm:chPref val="3"/>
        </dgm:presLayoutVars>
      </dgm:prSet>
      <dgm:spPr/>
    </dgm:pt>
    <dgm:pt modelId="{3C9BBE7A-A09F-43FC-B1D4-5582CB950E23}" type="pres">
      <dgm:prSet presAssocID="{D0621153-69C7-4F03-A761-92ABA6EB3630}" presName="hierChild2" presStyleCnt="0"/>
      <dgm:spPr/>
    </dgm:pt>
    <dgm:pt modelId="{DDB7A282-2AE3-40C2-9E0F-3A28A2228E76}" type="pres">
      <dgm:prSet presAssocID="{CCCDEAB6-9D7E-48F3-BDB2-F16863A5528F}" presName="Name19" presStyleLbl="parChTrans1D2" presStyleIdx="0" presStyleCnt="3"/>
      <dgm:spPr/>
    </dgm:pt>
    <dgm:pt modelId="{63D891E1-765B-47D5-BAB8-E2D24601ECCB}" type="pres">
      <dgm:prSet presAssocID="{1E026FF6-0782-4E5B-97F2-23E34224BC7E}" presName="Name21" presStyleCnt="0"/>
      <dgm:spPr/>
    </dgm:pt>
    <dgm:pt modelId="{3190B843-024F-4C02-8C49-F9E785CC4C39}" type="pres">
      <dgm:prSet presAssocID="{1E026FF6-0782-4E5B-97F2-23E34224BC7E}" presName="level2Shape" presStyleLbl="node2" presStyleIdx="0" presStyleCnt="3"/>
      <dgm:spPr/>
    </dgm:pt>
    <dgm:pt modelId="{0DEC9B9E-2C28-4BEE-A9A5-9E3233F96BCB}" type="pres">
      <dgm:prSet presAssocID="{1E026FF6-0782-4E5B-97F2-23E34224BC7E}" presName="hierChild3" presStyleCnt="0"/>
      <dgm:spPr/>
    </dgm:pt>
    <dgm:pt modelId="{7E1CACAD-DFCC-438E-8CBA-DF50F37C0C16}" type="pres">
      <dgm:prSet presAssocID="{59B97628-808B-46EE-A0FC-5C5E4B30059E}" presName="Name19" presStyleLbl="parChTrans1D3" presStyleIdx="0" presStyleCnt="3"/>
      <dgm:spPr/>
    </dgm:pt>
    <dgm:pt modelId="{442AC14E-F5AB-4B16-B6B9-7354C800EAAE}" type="pres">
      <dgm:prSet presAssocID="{41C42949-6F0A-48C4-8187-505C417CD3B8}" presName="Name21" presStyleCnt="0"/>
      <dgm:spPr/>
    </dgm:pt>
    <dgm:pt modelId="{61E3EB84-9BB5-4114-AC2B-12A59E718D37}" type="pres">
      <dgm:prSet presAssocID="{41C42949-6F0A-48C4-8187-505C417CD3B8}" presName="level2Shape" presStyleLbl="node3" presStyleIdx="0" presStyleCnt="3"/>
      <dgm:spPr/>
    </dgm:pt>
    <dgm:pt modelId="{2838CF89-5061-4BA7-9426-D5F2144A9779}" type="pres">
      <dgm:prSet presAssocID="{41C42949-6F0A-48C4-8187-505C417CD3B8}" presName="hierChild3" presStyleCnt="0"/>
      <dgm:spPr/>
    </dgm:pt>
    <dgm:pt modelId="{A85B2C9E-9E6C-4B86-A7A3-9642AFEA8B22}" type="pres">
      <dgm:prSet presAssocID="{BB514A8B-BF58-4F62-815F-0F762400F704}" presName="Name19" presStyleLbl="parChTrans1D4" presStyleIdx="0" presStyleCnt="4"/>
      <dgm:spPr/>
    </dgm:pt>
    <dgm:pt modelId="{5EADF1F2-C04F-4C5F-B45E-1AD2BAD3DD06}" type="pres">
      <dgm:prSet presAssocID="{C49A7F80-5CF0-4CCB-9175-391760432FBC}" presName="Name21" presStyleCnt="0"/>
      <dgm:spPr/>
    </dgm:pt>
    <dgm:pt modelId="{4DE06B98-4994-46CD-83BC-AC2E4C108D2E}" type="pres">
      <dgm:prSet presAssocID="{C49A7F80-5CF0-4CCB-9175-391760432FBC}" presName="level2Shape" presStyleLbl="node4" presStyleIdx="0" presStyleCnt="4"/>
      <dgm:spPr/>
    </dgm:pt>
    <dgm:pt modelId="{2F96BC57-5A7D-4E93-A776-B2EC5B15375E}" type="pres">
      <dgm:prSet presAssocID="{C49A7F80-5CF0-4CCB-9175-391760432FBC}" presName="hierChild3" presStyleCnt="0"/>
      <dgm:spPr/>
    </dgm:pt>
    <dgm:pt modelId="{09123D12-A00E-4CD7-91AC-D20560A77BDB}" type="pres">
      <dgm:prSet presAssocID="{3303FCA4-CA7F-4D6E-8364-BC6DF6F5138E}" presName="Name19" presStyleLbl="parChTrans1D2" presStyleIdx="1" presStyleCnt="3"/>
      <dgm:spPr/>
    </dgm:pt>
    <dgm:pt modelId="{036214C1-246D-46D0-B94F-175B7A085165}" type="pres">
      <dgm:prSet presAssocID="{424FBEC1-7B03-4D04-927F-9762A30EB29C}" presName="Name21" presStyleCnt="0"/>
      <dgm:spPr/>
    </dgm:pt>
    <dgm:pt modelId="{A839BBE5-568F-4EE3-8631-EF744FFA6492}" type="pres">
      <dgm:prSet presAssocID="{424FBEC1-7B03-4D04-927F-9762A30EB29C}" presName="level2Shape" presStyleLbl="node2" presStyleIdx="1" presStyleCnt="3"/>
      <dgm:spPr/>
    </dgm:pt>
    <dgm:pt modelId="{4D992D83-C506-4538-87CB-C4EB9CF47DDC}" type="pres">
      <dgm:prSet presAssocID="{424FBEC1-7B03-4D04-927F-9762A30EB29C}" presName="hierChild3" presStyleCnt="0"/>
      <dgm:spPr/>
    </dgm:pt>
    <dgm:pt modelId="{B472D21E-80E3-486A-8376-18490C464E5C}" type="pres">
      <dgm:prSet presAssocID="{2BAC98C5-002F-4B40-9914-1BE5BB6CEE17}" presName="Name19" presStyleLbl="parChTrans1D3" presStyleIdx="1" presStyleCnt="3"/>
      <dgm:spPr/>
    </dgm:pt>
    <dgm:pt modelId="{A01FEFD9-23D1-428B-96D5-1FEF22BE0338}" type="pres">
      <dgm:prSet presAssocID="{DAD04B2F-63DF-4CFC-9816-295E6FD4D68F}" presName="Name21" presStyleCnt="0"/>
      <dgm:spPr/>
    </dgm:pt>
    <dgm:pt modelId="{AD72F6AE-335D-4557-8101-82B073889DD9}" type="pres">
      <dgm:prSet presAssocID="{DAD04B2F-63DF-4CFC-9816-295E6FD4D68F}" presName="level2Shape" presStyleLbl="node3" presStyleIdx="1" presStyleCnt="3"/>
      <dgm:spPr/>
    </dgm:pt>
    <dgm:pt modelId="{FBD7EF03-AF0D-47D3-A57A-2F71C1D6199E}" type="pres">
      <dgm:prSet presAssocID="{DAD04B2F-63DF-4CFC-9816-295E6FD4D68F}" presName="hierChild3" presStyleCnt="0"/>
      <dgm:spPr/>
    </dgm:pt>
    <dgm:pt modelId="{930F4CEA-A8B0-427F-81F2-EB174845ED54}" type="pres">
      <dgm:prSet presAssocID="{FF5FA833-C6FC-4CDB-80C6-E7FE4C6617DC}" presName="Name19" presStyleLbl="parChTrans1D4" presStyleIdx="1" presStyleCnt="4"/>
      <dgm:spPr/>
    </dgm:pt>
    <dgm:pt modelId="{B0B0CC55-FD77-4BD7-A257-C7C98EC16938}" type="pres">
      <dgm:prSet presAssocID="{BDF73519-610D-4824-BA74-2D418C9AA85E}" presName="Name21" presStyleCnt="0"/>
      <dgm:spPr/>
    </dgm:pt>
    <dgm:pt modelId="{F8B5F300-A0A7-434B-AC15-2844F9281FF1}" type="pres">
      <dgm:prSet presAssocID="{BDF73519-610D-4824-BA74-2D418C9AA85E}" presName="level2Shape" presStyleLbl="node4" presStyleIdx="1" presStyleCnt="4"/>
      <dgm:spPr/>
    </dgm:pt>
    <dgm:pt modelId="{52E24E21-3DB4-4A03-BE2D-AECA45E6A162}" type="pres">
      <dgm:prSet presAssocID="{BDF73519-610D-4824-BA74-2D418C9AA85E}" presName="hierChild3" presStyleCnt="0"/>
      <dgm:spPr/>
    </dgm:pt>
    <dgm:pt modelId="{307B57C9-30F6-4568-9937-4E9C4C5F2227}" type="pres">
      <dgm:prSet presAssocID="{E96429BA-5464-464E-B935-FB589D7DA829}" presName="Name19" presStyleLbl="parChTrans1D2" presStyleIdx="2" presStyleCnt="3"/>
      <dgm:spPr/>
    </dgm:pt>
    <dgm:pt modelId="{A4F247C2-DAD4-4941-A40B-B5D91C4AC5EF}" type="pres">
      <dgm:prSet presAssocID="{12EAEA5F-83E7-49A6-BDD2-1A5F2C1D4B98}" presName="Name21" presStyleCnt="0"/>
      <dgm:spPr/>
    </dgm:pt>
    <dgm:pt modelId="{D6C2D193-1C58-41B5-BC6B-1A048137FBEF}" type="pres">
      <dgm:prSet presAssocID="{12EAEA5F-83E7-49A6-BDD2-1A5F2C1D4B98}" presName="level2Shape" presStyleLbl="node2" presStyleIdx="2" presStyleCnt="3"/>
      <dgm:spPr/>
    </dgm:pt>
    <dgm:pt modelId="{B973D33A-4F57-4C0C-8923-CC9D0E28901E}" type="pres">
      <dgm:prSet presAssocID="{12EAEA5F-83E7-49A6-BDD2-1A5F2C1D4B98}" presName="hierChild3" presStyleCnt="0"/>
      <dgm:spPr/>
    </dgm:pt>
    <dgm:pt modelId="{3572146F-389A-468C-919F-BD62CFCAA9A9}" type="pres">
      <dgm:prSet presAssocID="{0A2CDF09-7863-4E61-A18D-7895F36F9902}" presName="Name19" presStyleLbl="parChTrans1D3" presStyleIdx="2" presStyleCnt="3"/>
      <dgm:spPr/>
    </dgm:pt>
    <dgm:pt modelId="{F4E5E240-4F15-4182-B0BB-93B0AE902EA7}" type="pres">
      <dgm:prSet presAssocID="{B7B5F15C-870D-419C-BAF1-B7D292E7B648}" presName="Name21" presStyleCnt="0"/>
      <dgm:spPr/>
    </dgm:pt>
    <dgm:pt modelId="{835CC5AD-F52E-4A55-8D17-DCAAEC3C5835}" type="pres">
      <dgm:prSet presAssocID="{B7B5F15C-870D-419C-BAF1-B7D292E7B648}" presName="level2Shape" presStyleLbl="node3" presStyleIdx="2" presStyleCnt="3"/>
      <dgm:spPr/>
    </dgm:pt>
    <dgm:pt modelId="{CA530A9F-EEC2-4C5A-B4A9-C1E599EFBC75}" type="pres">
      <dgm:prSet presAssocID="{B7B5F15C-870D-419C-BAF1-B7D292E7B648}" presName="hierChild3" presStyleCnt="0"/>
      <dgm:spPr/>
    </dgm:pt>
    <dgm:pt modelId="{FAE069E2-91A0-48D2-A4C2-F1DF35B7BF87}" type="pres">
      <dgm:prSet presAssocID="{571E60E1-283D-454F-B6E3-0423BF86045A}" presName="Name19" presStyleLbl="parChTrans1D4" presStyleIdx="2" presStyleCnt="4"/>
      <dgm:spPr/>
    </dgm:pt>
    <dgm:pt modelId="{D34C9935-8147-4481-8A39-5634B6EA4E61}" type="pres">
      <dgm:prSet presAssocID="{7AAAEC7A-6140-4B37-B755-4C270C201AD4}" presName="Name21" presStyleCnt="0"/>
      <dgm:spPr/>
    </dgm:pt>
    <dgm:pt modelId="{D7A3D5B0-F840-4F05-AEBB-97C657FE836B}" type="pres">
      <dgm:prSet presAssocID="{7AAAEC7A-6140-4B37-B755-4C270C201AD4}" presName="level2Shape" presStyleLbl="node4" presStyleIdx="2" presStyleCnt="4"/>
      <dgm:spPr/>
    </dgm:pt>
    <dgm:pt modelId="{6B5B01A0-D4F4-4C93-B8FD-5DC2856A0D5C}" type="pres">
      <dgm:prSet presAssocID="{7AAAEC7A-6140-4B37-B755-4C270C201AD4}" presName="hierChild3" presStyleCnt="0"/>
      <dgm:spPr/>
    </dgm:pt>
    <dgm:pt modelId="{E846C24E-AC13-4B51-89D5-1443157A37DF}" type="pres">
      <dgm:prSet presAssocID="{0AAB7997-3024-431E-B792-8540A638B36F}" presName="Name19" presStyleLbl="parChTrans1D4" presStyleIdx="3" presStyleCnt="4"/>
      <dgm:spPr/>
    </dgm:pt>
    <dgm:pt modelId="{77BD072A-96C8-4EC6-A19C-E7F0628080FD}" type="pres">
      <dgm:prSet presAssocID="{535FEC92-7478-4C30-9F60-A35F7F0055AE}" presName="Name21" presStyleCnt="0"/>
      <dgm:spPr/>
    </dgm:pt>
    <dgm:pt modelId="{CC0F69F3-F0E1-490D-A4BC-A8317A9B9BBF}" type="pres">
      <dgm:prSet presAssocID="{535FEC92-7478-4C30-9F60-A35F7F0055AE}" presName="level2Shape" presStyleLbl="node4" presStyleIdx="3" presStyleCnt="4"/>
      <dgm:spPr/>
    </dgm:pt>
    <dgm:pt modelId="{86E63BE1-D676-4513-86C6-23EFB1A1779D}" type="pres">
      <dgm:prSet presAssocID="{535FEC92-7478-4C30-9F60-A35F7F0055AE}" presName="hierChild3" presStyleCnt="0"/>
      <dgm:spPr/>
    </dgm:pt>
    <dgm:pt modelId="{C6F64780-C375-4656-92CC-649F23D848B0}" type="pres">
      <dgm:prSet presAssocID="{ADCB187E-1D34-4D41-9203-B628020E00A0}" presName="bgShapesFlow" presStyleCnt="0"/>
      <dgm:spPr/>
    </dgm:pt>
    <dgm:pt modelId="{077B987E-7BE0-4395-AE6F-C281464578F4}" type="pres">
      <dgm:prSet presAssocID="{E7F93571-1B8C-43C2-8CD8-1EFB1BF611C8}" presName="rectComp" presStyleCnt="0"/>
      <dgm:spPr/>
    </dgm:pt>
    <dgm:pt modelId="{31E733F2-D771-4CCD-9953-E0E2854A2ED8}" type="pres">
      <dgm:prSet presAssocID="{E7F93571-1B8C-43C2-8CD8-1EFB1BF611C8}" presName="bgRect" presStyleLbl="bgShp" presStyleIdx="0" presStyleCnt="5"/>
      <dgm:spPr/>
    </dgm:pt>
    <dgm:pt modelId="{44BEEC2D-9396-41EB-A65F-C233ECAB97BC}" type="pres">
      <dgm:prSet presAssocID="{E7F93571-1B8C-43C2-8CD8-1EFB1BF611C8}" presName="bgRectTx" presStyleLbl="bgShp" presStyleIdx="0" presStyleCnt="5">
        <dgm:presLayoutVars>
          <dgm:bulletEnabled val="1"/>
        </dgm:presLayoutVars>
      </dgm:prSet>
      <dgm:spPr/>
    </dgm:pt>
    <dgm:pt modelId="{20B858A1-B3A3-40A9-A808-B13E1EDC1A43}" type="pres">
      <dgm:prSet presAssocID="{E7F93571-1B8C-43C2-8CD8-1EFB1BF611C8}" presName="spComp" presStyleCnt="0"/>
      <dgm:spPr/>
    </dgm:pt>
    <dgm:pt modelId="{5602F626-006C-41FC-81CD-70F7D26A76B2}" type="pres">
      <dgm:prSet presAssocID="{E7F93571-1B8C-43C2-8CD8-1EFB1BF611C8}" presName="vSp" presStyleCnt="0"/>
      <dgm:spPr/>
    </dgm:pt>
    <dgm:pt modelId="{86B96B5C-050B-43DB-91B3-40E2E5A3B344}" type="pres">
      <dgm:prSet presAssocID="{0755C704-6E59-4E96-82E9-295062DEAEF0}" presName="rectComp" presStyleCnt="0"/>
      <dgm:spPr/>
    </dgm:pt>
    <dgm:pt modelId="{3BA91E51-18BD-43DB-9229-7E89324D8E7E}" type="pres">
      <dgm:prSet presAssocID="{0755C704-6E59-4E96-82E9-295062DEAEF0}" presName="bgRect" presStyleLbl="bgShp" presStyleIdx="1" presStyleCnt="5"/>
      <dgm:spPr/>
    </dgm:pt>
    <dgm:pt modelId="{FBFD0F45-92C8-4E26-A2A3-B59157853C82}" type="pres">
      <dgm:prSet presAssocID="{0755C704-6E59-4E96-82E9-295062DEAEF0}" presName="bgRectTx" presStyleLbl="bgShp" presStyleIdx="1" presStyleCnt="5">
        <dgm:presLayoutVars>
          <dgm:bulletEnabled val="1"/>
        </dgm:presLayoutVars>
      </dgm:prSet>
      <dgm:spPr/>
    </dgm:pt>
    <dgm:pt modelId="{1CAF6A2F-8222-4CD4-9B3F-5BB7D5449B84}" type="pres">
      <dgm:prSet presAssocID="{0755C704-6E59-4E96-82E9-295062DEAEF0}" presName="spComp" presStyleCnt="0"/>
      <dgm:spPr/>
    </dgm:pt>
    <dgm:pt modelId="{66917183-7B3F-4B42-90D4-09F81DA6FCC0}" type="pres">
      <dgm:prSet presAssocID="{0755C704-6E59-4E96-82E9-295062DEAEF0}" presName="vSp" presStyleCnt="0"/>
      <dgm:spPr/>
    </dgm:pt>
    <dgm:pt modelId="{944BA678-258C-4BA5-A4B3-7D9471DE2842}" type="pres">
      <dgm:prSet presAssocID="{4E29BE72-E2EF-48B3-B841-3B1137A814DB}" presName="rectComp" presStyleCnt="0"/>
      <dgm:spPr/>
    </dgm:pt>
    <dgm:pt modelId="{5FD80EB4-7E9B-41C8-ABB5-F035654D4CCE}" type="pres">
      <dgm:prSet presAssocID="{4E29BE72-E2EF-48B3-B841-3B1137A814DB}" presName="bgRect" presStyleLbl="bgShp" presStyleIdx="2" presStyleCnt="5"/>
      <dgm:spPr/>
    </dgm:pt>
    <dgm:pt modelId="{5C5E8B48-08EB-4DAD-8D10-E048D4E2DEDC}" type="pres">
      <dgm:prSet presAssocID="{4E29BE72-E2EF-48B3-B841-3B1137A814DB}" presName="bgRectTx" presStyleLbl="bgShp" presStyleIdx="2" presStyleCnt="5">
        <dgm:presLayoutVars>
          <dgm:bulletEnabled val="1"/>
        </dgm:presLayoutVars>
      </dgm:prSet>
      <dgm:spPr/>
    </dgm:pt>
    <dgm:pt modelId="{1F28F6E4-BECA-40D7-ADA3-91945FF3C38C}" type="pres">
      <dgm:prSet presAssocID="{4E29BE72-E2EF-48B3-B841-3B1137A814DB}" presName="spComp" presStyleCnt="0"/>
      <dgm:spPr/>
    </dgm:pt>
    <dgm:pt modelId="{6E8B3101-9884-4333-8023-366374C350CF}" type="pres">
      <dgm:prSet presAssocID="{4E29BE72-E2EF-48B3-B841-3B1137A814DB}" presName="vSp" presStyleCnt="0"/>
      <dgm:spPr/>
    </dgm:pt>
    <dgm:pt modelId="{EAEB36F7-99DA-484F-AF32-F0AC7F9503BD}" type="pres">
      <dgm:prSet presAssocID="{0C27789E-F73D-4C4E-A530-270584B3A8E8}" presName="rectComp" presStyleCnt="0"/>
      <dgm:spPr/>
    </dgm:pt>
    <dgm:pt modelId="{A88C1D27-9CB6-448C-B480-1EE722BDC899}" type="pres">
      <dgm:prSet presAssocID="{0C27789E-F73D-4C4E-A530-270584B3A8E8}" presName="bgRect" presStyleLbl="bgShp" presStyleIdx="3" presStyleCnt="5"/>
      <dgm:spPr/>
    </dgm:pt>
    <dgm:pt modelId="{DB278B63-6AA7-4165-9AB5-8B8D95F13552}" type="pres">
      <dgm:prSet presAssocID="{0C27789E-F73D-4C4E-A530-270584B3A8E8}" presName="bgRectTx" presStyleLbl="bgShp" presStyleIdx="3" presStyleCnt="5">
        <dgm:presLayoutVars>
          <dgm:bulletEnabled val="1"/>
        </dgm:presLayoutVars>
      </dgm:prSet>
      <dgm:spPr/>
    </dgm:pt>
    <dgm:pt modelId="{05BAF346-EA28-4B3D-80C2-4911E48ED3C0}" type="pres">
      <dgm:prSet presAssocID="{0C27789E-F73D-4C4E-A530-270584B3A8E8}" presName="spComp" presStyleCnt="0"/>
      <dgm:spPr/>
    </dgm:pt>
    <dgm:pt modelId="{D9500C59-6DC1-4F14-852F-231C31BF5355}" type="pres">
      <dgm:prSet presAssocID="{0C27789E-F73D-4C4E-A530-270584B3A8E8}" presName="vSp" presStyleCnt="0"/>
      <dgm:spPr/>
    </dgm:pt>
    <dgm:pt modelId="{1C195648-9917-4D9A-882E-5F07B099EBA4}" type="pres">
      <dgm:prSet presAssocID="{9F4C0652-9408-4937-86CD-3D4E5B281A09}" presName="rectComp" presStyleCnt="0"/>
      <dgm:spPr/>
    </dgm:pt>
    <dgm:pt modelId="{6F2299EB-4019-4DA9-A552-3C5A2ED3A1B2}" type="pres">
      <dgm:prSet presAssocID="{9F4C0652-9408-4937-86CD-3D4E5B281A09}" presName="bgRect" presStyleLbl="bgShp" presStyleIdx="4" presStyleCnt="5"/>
      <dgm:spPr/>
    </dgm:pt>
    <dgm:pt modelId="{8377634A-BAC1-42F1-8445-5A5AD11D7856}" type="pres">
      <dgm:prSet presAssocID="{9F4C0652-9408-4937-86CD-3D4E5B281A09}" presName="bgRectTx" presStyleLbl="bgShp" presStyleIdx="4" presStyleCnt="5">
        <dgm:presLayoutVars>
          <dgm:bulletEnabled val="1"/>
        </dgm:presLayoutVars>
      </dgm:prSet>
      <dgm:spPr/>
    </dgm:pt>
  </dgm:ptLst>
  <dgm:cxnLst>
    <dgm:cxn modelId="{94664C04-773D-4847-96EC-6935F9AA8DE4}" type="presOf" srcId="{0AAB7997-3024-431E-B792-8540A638B36F}" destId="{E846C24E-AC13-4B51-89D5-1443157A37DF}" srcOrd="0" destOrd="0" presId="urn:microsoft.com/office/officeart/2005/8/layout/hierarchy6"/>
    <dgm:cxn modelId="{C2E9E608-58C4-4152-A565-67E76CA40C5F}" type="presOf" srcId="{571E60E1-283D-454F-B6E3-0423BF86045A}" destId="{FAE069E2-91A0-48D2-A4C2-F1DF35B7BF87}" srcOrd="0" destOrd="0" presId="urn:microsoft.com/office/officeart/2005/8/layout/hierarchy6"/>
    <dgm:cxn modelId="{2E390509-3390-4433-B49F-A333F91080A0}" type="presOf" srcId="{E96429BA-5464-464E-B935-FB589D7DA829}" destId="{307B57C9-30F6-4568-9937-4E9C4C5F2227}" srcOrd="0" destOrd="0" presId="urn:microsoft.com/office/officeart/2005/8/layout/hierarchy6"/>
    <dgm:cxn modelId="{E7BE2C09-D8D1-4315-A04C-F49B4C69B2D0}" type="presOf" srcId="{9F4C0652-9408-4937-86CD-3D4E5B281A09}" destId="{6F2299EB-4019-4DA9-A552-3C5A2ED3A1B2}" srcOrd="0" destOrd="0" presId="urn:microsoft.com/office/officeart/2005/8/layout/hierarchy6"/>
    <dgm:cxn modelId="{F2172415-857E-454E-99A7-5923F9A8FD23}" srcId="{DAD04B2F-63DF-4CFC-9816-295E6FD4D68F}" destId="{BDF73519-610D-4824-BA74-2D418C9AA85E}" srcOrd="0" destOrd="0" parTransId="{FF5FA833-C6FC-4CDB-80C6-E7FE4C6617DC}" sibTransId="{EAAB6519-1A7E-4A3F-8AA1-3F1D15EDD3E2}"/>
    <dgm:cxn modelId="{C49EFC19-010B-4CDA-85D3-AD391FDCFD4D}" srcId="{424FBEC1-7B03-4D04-927F-9762A30EB29C}" destId="{DAD04B2F-63DF-4CFC-9816-295E6FD4D68F}" srcOrd="0" destOrd="0" parTransId="{2BAC98C5-002F-4B40-9914-1BE5BB6CEE17}" sibTransId="{E01C34F1-08F9-4536-AA75-75A9C26D61ED}"/>
    <dgm:cxn modelId="{E94ED81B-B680-4775-B579-6B435C55A3F7}" srcId="{ADCB187E-1D34-4D41-9203-B628020E00A0}" destId="{4E29BE72-E2EF-48B3-B841-3B1137A814DB}" srcOrd="3" destOrd="0" parTransId="{1956B258-A414-4F5E-A792-8414B920C63C}" sibTransId="{18FD86EF-5953-41A2-81C5-6FADE6817AAA}"/>
    <dgm:cxn modelId="{E897BA25-27C9-4038-920F-BFBC9FB3F825}" type="presOf" srcId="{0755C704-6E59-4E96-82E9-295062DEAEF0}" destId="{3BA91E51-18BD-43DB-9229-7E89324D8E7E}" srcOrd="0" destOrd="0" presId="urn:microsoft.com/office/officeart/2005/8/layout/hierarchy6"/>
    <dgm:cxn modelId="{1CF0CB29-0994-4663-966B-2613B9C02A83}" type="presOf" srcId="{ADCB187E-1D34-4D41-9203-B628020E00A0}" destId="{C61D2DE9-0971-4136-BEFA-CFEDD4CECACF}" srcOrd="0" destOrd="0" presId="urn:microsoft.com/office/officeart/2005/8/layout/hierarchy6"/>
    <dgm:cxn modelId="{85CBFD2E-4C44-412A-AB49-3CC5E81B7CB6}" type="presOf" srcId="{C49A7F80-5CF0-4CCB-9175-391760432FBC}" destId="{4DE06B98-4994-46CD-83BC-AC2E4C108D2E}" srcOrd="0" destOrd="0" presId="urn:microsoft.com/office/officeart/2005/8/layout/hierarchy6"/>
    <dgm:cxn modelId="{673E672F-D06D-45AF-9D0B-649B929F9C7D}" type="presOf" srcId="{3303FCA4-CA7F-4D6E-8364-BC6DF6F5138E}" destId="{09123D12-A00E-4CD7-91AC-D20560A77BDB}" srcOrd="0" destOrd="0" presId="urn:microsoft.com/office/officeart/2005/8/layout/hierarchy6"/>
    <dgm:cxn modelId="{62F3D42F-731A-48B2-A999-8669C2660CC7}" type="presOf" srcId="{7AAAEC7A-6140-4B37-B755-4C270C201AD4}" destId="{D7A3D5B0-F840-4F05-AEBB-97C657FE836B}" srcOrd="0" destOrd="0" presId="urn:microsoft.com/office/officeart/2005/8/layout/hierarchy6"/>
    <dgm:cxn modelId="{BFF22430-AB76-4D5D-9B24-044ED95F32A6}" srcId="{B7B5F15C-870D-419C-BAF1-B7D292E7B648}" destId="{7AAAEC7A-6140-4B37-B755-4C270C201AD4}" srcOrd="0" destOrd="0" parTransId="{571E60E1-283D-454F-B6E3-0423BF86045A}" sibTransId="{6FFC9FCC-3B2C-49E6-A3FA-1756134FC17C}"/>
    <dgm:cxn modelId="{C96D2A33-8C49-49D0-B02E-1FDEBB98F321}" type="presOf" srcId="{0A2CDF09-7863-4E61-A18D-7895F36F9902}" destId="{3572146F-389A-468C-919F-BD62CFCAA9A9}" srcOrd="0" destOrd="0" presId="urn:microsoft.com/office/officeart/2005/8/layout/hierarchy6"/>
    <dgm:cxn modelId="{59318638-0C00-4937-84FB-6BDE086CAC85}" type="presOf" srcId="{D0621153-69C7-4F03-A761-92ABA6EB3630}" destId="{5B62E30A-3D21-437C-B3C7-0DFFD3DB4BDA}" srcOrd="0" destOrd="0" presId="urn:microsoft.com/office/officeart/2005/8/layout/hierarchy6"/>
    <dgm:cxn modelId="{E4729940-3395-49BC-998C-77CEA9851D12}" type="presOf" srcId="{535FEC92-7478-4C30-9F60-A35F7F0055AE}" destId="{CC0F69F3-F0E1-490D-A4BC-A8317A9B9BBF}" srcOrd="0" destOrd="0" presId="urn:microsoft.com/office/officeart/2005/8/layout/hierarchy6"/>
    <dgm:cxn modelId="{65349B5D-59D8-4D60-ACA0-5EC02DCB0E83}" srcId="{ADCB187E-1D34-4D41-9203-B628020E00A0}" destId="{D0621153-69C7-4F03-A761-92ABA6EB3630}" srcOrd="0" destOrd="0" parTransId="{E8F1996C-2F5D-4C15-B3B0-3ADF65C4D036}" sibTransId="{FB1788B3-0655-4E1A-8E2F-7E4C0DDF3A80}"/>
    <dgm:cxn modelId="{817ED461-AB81-4E09-8A1C-C39C720EE345}" srcId="{41C42949-6F0A-48C4-8187-505C417CD3B8}" destId="{C49A7F80-5CF0-4CCB-9175-391760432FBC}" srcOrd="0" destOrd="0" parTransId="{BB514A8B-BF58-4F62-815F-0F762400F704}" sibTransId="{A5EF7627-1B3C-4843-825C-C251D8A9D1E5}"/>
    <dgm:cxn modelId="{D5F9AD64-D842-4FF4-B89A-ABC8AE29CB4D}" type="presOf" srcId="{0C27789E-F73D-4C4E-A530-270584B3A8E8}" destId="{A88C1D27-9CB6-448C-B480-1EE722BDC899}" srcOrd="0" destOrd="0" presId="urn:microsoft.com/office/officeart/2005/8/layout/hierarchy6"/>
    <dgm:cxn modelId="{110C1A6A-8549-4D99-B4BD-B05ACD42FD42}" type="presOf" srcId="{FF5FA833-C6FC-4CDB-80C6-E7FE4C6617DC}" destId="{930F4CEA-A8B0-427F-81F2-EB174845ED54}" srcOrd="0" destOrd="0" presId="urn:microsoft.com/office/officeart/2005/8/layout/hierarchy6"/>
    <dgm:cxn modelId="{0C2B9C53-9CCE-443C-9313-1A9104B8765B}" srcId="{ADCB187E-1D34-4D41-9203-B628020E00A0}" destId="{0C27789E-F73D-4C4E-A530-270584B3A8E8}" srcOrd="4" destOrd="0" parTransId="{270A5702-ECBC-48FC-8EE7-270FD0E3C66D}" sibTransId="{465CB797-6A2A-40D0-AFC2-E9C8762671E8}"/>
    <dgm:cxn modelId="{24359974-5393-42C0-9D26-4ED4A1972A35}" type="presOf" srcId="{E7F93571-1B8C-43C2-8CD8-1EFB1BF611C8}" destId="{31E733F2-D771-4CCD-9953-E0E2854A2ED8}" srcOrd="0" destOrd="0" presId="urn:microsoft.com/office/officeart/2005/8/layout/hierarchy6"/>
    <dgm:cxn modelId="{1F0EC874-46FC-462F-9EFA-8D9DA8B76AB1}" type="presOf" srcId="{4E29BE72-E2EF-48B3-B841-3B1137A814DB}" destId="{5C5E8B48-08EB-4DAD-8D10-E048D4E2DEDC}" srcOrd="1" destOrd="0" presId="urn:microsoft.com/office/officeart/2005/8/layout/hierarchy6"/>
    <dgm:cxn modelId="{DBAAD874-937F-4FF6-A994-D1013A717FAC}" type="presOf" srcId="{DAD04B2F-63DF-4CFC-9816-295E6FD4D68F}" destId="{AD72F6AE-335D-4557-8101-82B073889DD9}" srcOrd="0" destOrd="0" presId="urn:microsoft.com/office/officeart/2005/8/layout/hierarchy6"/>
    <dgm:cxn modelId="{7268BB58-39B9-49C3-8E0D-9B236325ED90}" type="presOf" srcId="{12EAEA5F-83E7-49A6-BDD2-1A5F2C1D4B98}" destId="{D6C2D193-1C58-41B5-BC6B-1A048137FBEF}" srcOrd="0" destOrd="0" presId="urn:microsoft.com/office/officeart/2005/8/layout/hierarchy6"/>
    <dgm:cxn modelId="{6959DB59-C376-4D29-B4A5-F0A8406258CC}" srcId="{ADCB187E-1D34-4D41-9203-B628020E00A0}" destId="{E7F93571-1B8C-43C2-8CD8-1EFB1BF611C8}" srcOrd="1" destOrd="0" parTransId="{ABC0E2E8-1C86-4DAF-8DED-03247F69AAED}" sibTransId="{374798A0-B3B7-47F2-A809-01935883C7DF}"/>
    <dgm:cxn modelId="{ED56B37B-DB24-4447-ABFB-99CF4CD5B603}" type="presOf" srcId="{0755C704-6E59-4E96-82E9-295062DEAEF0}" destId="{FBFD0F45-92C8-4E26-A2A3-B59157853C82}" srcOrd="1" destOrd="0" presId="urn:microsoft.com/office/officeart/2005/8/layout/hierarchy6"/>
    <dgm:cxn modelId="{D3B9D37B-9346-4FBD-9301-E3865341437D}" type="presOf" srcId="{59B97628-808B-46EE-A0FC-5C5E4B30059E}" destId="{7E1CACAD-DFCC-438E-8CBA-DF50F37C0C16}" srcOrd="0" destOrd="0" presId="urn:microsoft.com/office/officeart/2005/8/layout/hierarchy6"/>
    <dgm:cxn modelId="{17995B7D-DD86-4CB1-8D0E-03BA93298161}" srcId="{7AAAEC7A-6140-4B37-B755-4C270C201AD4}" destId="{535FEC92-7478-4C30-9F60-A35F7F0055AE}" srcOrd="0" destOrd="0" parTransId="{0AAB7997-3024-431E-B792-8540A638B36F}" sibTransId="{23F5F5AA-725E-437C-8A78-0BF32CEAD68F}"/>
    <dgm:cxn modelId="{BDA7EC81-F148-4E2A-9F79-0646C634773D}" type="presOf" srcId="{B7B5F15C-870D-419C-BAF1-B7D292E7B648}" destId="{835CC5AD-F52E-4A55-8D17-DCAAEC3C5835}" srcOrd="0" destOrd="0" presId="urn:microsoft.com/office/officeart/2005/8/layout/hierarchy6"/>
    <dgm:cxn modelId="{D9C7F481-BB14-4188-8630-5DFC68E871B8}" type="presOf" srcId="{0C27789E-F73D-4C4E-A530-270584B3A8E8}" destId="{DB278B63-6AA7-4165-9AB5-8B8D95F13552}" srcOrd="1" destOrd="0" presId="urn:microsoft.com/office/officeart/2005/8/layout/hierarchy6"/>
    <dgm:cxn modelId="{06281288-B272-44A8-BB86-EF834FABAA1D}" srcId="{ADCB187E-1D34-4D41-9203-B628020E00A0}" destId="{0755C704-6E59-4E96-82E9-295062DEAEF0}" srcOrd="2" destOrd="0" parTransId="{4C5B5462-3F76-4399-9D3F-C40E886C6F97}" sibTransId="{3FDA65EE-5D65-4BFD-AE34-E695BF90F716}"/>
    <dgm:cxn modelId="{C0BC648D-440B-47B6-8646-716DBCACFDBB}" type="presOf" srcId="{CCCDEAB6-9D7E-48F3-BDB2-F16863A5528F}" destId="{DDB7A282-2AE3-40C2-9E0F-3A28A2228E76}" srcOrd="0" destOrd="0" presId="urn:microsoft.com/office/officeart/2005/8/layout/hierarchy6"/>
    <dgm:cxn modelId="{D8B43D9E-6A51-4C7C-9414-FD640827F3E7}" type="presOf" srcId="{9F4C0652-9408-4937-86CD-3D4E5B281A09}" destId="{8377634A-BAC1-42F1-8445-5A5AD11D7856}" srcOrd="1" destOrd="0" presId="urn:microsoft.com/office/officeart/2005/8/layout/hierarchy6"/>
    <dgm:cxn modelId="{780B7A9E-1040-4644-902A-5C639926AB87}" type="presOf" srcId="{2BAC98C5-002F-4B40-9914-1BE5BB6CEE17}" destId="{B472D21E-80E3-486A-8376-18490C464E5C}" srcOrd="0" destOrd="0" presId="urn:microsoft.com/office/officeart/2005/8/layout/hierarchy6"/>
    <dgm:cxn modelId="{C6D477A1-3C59-4132-A853-8A67AE14EC3C}" srcId="{D0621153-69C7-4F03-A761-92ABA6EB3630}" destId="{1E026FF6-0782-4E5B-97F2-23E34224BC7E}" srcOrd="0" destOrd="0" parTransId="{CCCDEAB6-9D7E-48F3-BDB2-F16863A5528F}" sibTransId="{C00C695E-EC93-4FB7-B5F9-798FB6D70D73}"/>
    <dgm:cxn modelId="{ACDA72A8-7082-46D7-8BA9-A6D96791D804}" type="presOf" srcId="{41C42949-6F0A-48C4-8187-505C417CD3B8}" destId="{61E3EB84-9BB5-4114-AC2B-12A59E718D37}" srcOrd="0" destOrd="0" presId="urn:microsoft.com/office/officeart/2005/8/layout/hierarchy6"/>
    <dgm:cxn modelId="{52E813C0-E53F-4D4F-86B5-8FE852B6071D}" type="presOf" srcId="{BB514A8B-BF58-4F62-815F-0F762400F704}" destId="{A85B2C9E-9E6C-4B86-A7A3-9642AFEA8B22}" srcOrd="0" destOrd="0" presId="urn:microsoft.com/office/officeart/2005/8/layout/hierarchy6"/>
    <dgm:cxn modelId="{F2613EC9-8148-41C5-B7EF-304D220B54C8}" type="presOf" srcId="{424FBEC1-7B03-4D04-927F-9762A30EB29C}" destId="{A839BBE5-568F-4EE3-8631-EF744FFA6492}" srcOrd="0" destOrd="0" presId="urn:microsoft.com/office/officeart/2005/8/layout/hierarchy6"/>
    <dgm:cxn modelId="{590877CA-4454-4D42-87BE-B9AEED4BD674}" srcId="{1E026FF6-0782-4E5B-97F2-23E34224BC7E}" destId="{41C42949-6F0A-48C4-8187-505C417CD3B8}" srcOrd="0" destOrd="0" parTransId="{59B97628-808B-46EE-A0FC-5C5E4B30059E}" sibTransId="{C3646FF6-641F-4712-941E-9A06578267CF}"/>
    <dgm:cxn modelId="{B77B84E9-4DFD-4607-9F6A-2F0B331DC1E8}" srcId="{ADCB187E-1D34-4D41-9203-B628020E00A0}" destId="{9F4C0652-9408-4937-86CD-3D4E5B281A09}" srcOrd="5" destOrd="0" parTransId="{C83C37FD-DCCD-468D-81E0-70E079FD439E}" sibTransId="{1C516718-906B-4733-B57E-DD73239FFD73}"/>
    <dgm:cxn modelId="{3483D6F3-BC82-44CF-ADB3-94E4236FBE5B}" srcId="{D0621153-69C7-4F03-A761-92ABA6EB3630}" destId="{12EAEA5F-83E7-49A6-BDD2-1A5F2C1D4B98}" srcOrd="2" destOrd="0" parTransId="{E96429BA-5464-464E-B935-FB589D7DA829}" sibTransId="{6B051117-0853-4603-BD24-DA968CFD7CDE}"/>
    <dgm:cxn modelId="{5D2D1BF4-DE96-48EE-BB5B-B0E2564887CB}" type="presOf" srcId="{1E026FF6-0782-4E5B-97F2-23E34224BC7E}" destId="{3190B843-024F-4C02-8C49-F9E785CC4C39}" srcOrd="0" destOrd="0" presId="urn:microsoft.com/office/officeart/2005/8/layout/hierarchy6"/>
    <dgm:cxn modelId="{DCDA90F7-58E5-462D-888B-E9B7BF545E87}" srcId="{D0621153-69C7-4F03-A761-92ABA6EB3630}" destId="{424FBEC1-7B03-4D04-927F-9762A30EB29C}" srcOrd="1" destOrd="0" parTransId="{3303FCA4-CA7F-4D6E-8364-BC6DF6F5138E}" sibTransId="{A851DE8A-7AF6-44DF-8EE0-DB81439A2504}"/>
    <dgm:cxn modelId="{23962FF8-050A-4E3A-884E-146D967809E8}" type="presOf" srcId="{4E29BE72-E2EF-48B3-B841-3B1137A814DB}" destId="{5FD80EB4-7E9B-41C8-ABB5-F035654D4CCE}" srcOrd="0" destOrd="0" presId="urn:microsoft.com/office/officeart/2005/8/layout/hierarchy6"/>
    <dgm:cxn modelId="{A377E8F8-D292-4090-A4C2-17BDF894273A}" type="presOf" srcId="{E7F93571-1B8C-43C2-8CD8-1EFB1BF611C8}" destId="{44BEEC2D-9396-41EB-A65F-C233ECAB97BC}" srcOrd="1" destOrd="0" presId="urn:microsoft.com/office/officeart/2005/8/layout/hierarchy6"/>
    <dgm:cxn modelId="{D6EA08F9-87EB-4BDA-8777-B7F9AFA984A3}" type="presOf" srcId="{BDF73519-610D-4824-BA74-2D418C9AA85E}" destId="{F8B5F300-A0A7-434B-AC15-2844F9281FF1}" srcOrd="0" destOrd="0" presId="urn:microsoft.com/office/officeart/2005/8/layout/hierarchy6"/>
    <dgm:cxn modelId="{33C61DFD-5C46-4DEC-8E82-C1FBAD9B8458}" srcId="{12EAEA5F-83E7-49A6-BDD2-1A5F2C1D4B98}" destId="{B7B5F15C-870D-419C-BAF1-B7D292E7B648}" srcOrd="0" destOrd="0" parTransId="{0A2CDF09-7863-4E61-A18D-7895F36F9902}" sibTransId="{E54DB48E-9B38-4903-8CB2-521BFD7202D0}"/>
    <dgm:cxn modelId="{655AC25E-3357-4DD5-9AF6-EE9438A20CBD}" type="presParOf" srcId="{C61D2DE9-0971-4136-BEFA-CFEDD4CECACF}" destId="{EDEBB0B4-7F59-433E-A1BE-9658BC338D59}" srcOrd="0" destOrd="0" presId="urn:microsoft.com/office/officeart/2005/8/layout/hierarchy6"/>
    <dgm:cxn modelId="{372CDE69-CD26-499C-98D8-FC7210131533}" type="presParOf" srcId="{EDEBB0B4-7F59-433E-A1BE-9658BC338D59}" destId="{6E20D07E-D4DF-4C5D-9725-DEED24F2752A}" srcOrd="0" destOrd="0" presId="urn:microsoft.com/office/officeart/2005/8/layout/hierarchy6"/>
    <dgm:cxn modelId="{13396B76-7829-47ED-99EA-3FC411261047}" type="presParOf" srcId="{EDEBB0B4-7F59-433E-A1BE-9658BC338D59}" destId="{77EB08E1-88BB-453E-A90D-9AC2EBDFD140}" srcOrd="1" destOrd="0" presId="urn:microsoft.com/office/officeart/2005/8/layout/hierarchy6"/>
    <dgm:cxn modelId="{8DF0820B-E9C6-42A2-A16C-26840F460381}" type="presParOf" srcId="{77EB08E1-88BB-453E-A90D-9AC2EBDFD140}" destId="{726A2727-48C2-479A-9657-96FCA97E8D59}" srcOrd="0" destOrd="0" presId="urn:microsoft.com/office/officeart/2005/8/layout/hierarchy6"/>
    <dgm:cxn modelId="{1B1DA108-6E72-4159-BEA8-F897CE60F404}" type="presParOf" srcId="{726A2727-48C2-479A-9657-96FCA97E8D59}" destId="{5B62E30A-3D21-437C-B3C7-0DFFD3DB4BDA}" srcOrd="0" destOrd="0" presId="urn:microsoft.com/office/officeart/2005/8/layout/hierarchy6"/>
    <dgm:cxn modelId="{29A54FDF-20F4-467F-B5BB-E7A0159386DD}" type="presParOf" srcId="{726A2727-48C2-479A-9657-96FCA97E8D59}" destId="{3C9BBE7A-A09F-43FC-B1D4-5582CB950E23}" srcOrd="1" destOrd="0" presId="urn:microsoft.com/office/officeart/2005/8/layout/hierarchy6"/>
    <dgm:cxn modelId="{E045A149-B34E-4594-B8FF-8D3B3FE278FB}" type="presParOf" srcId="{3C9BBE7A-A09F-43FC-B1D4-5582CB950E23}" destId="{DDB7A282-2AE3-40C2-9E0F-3A28A2228E76}" srcOrd="0" destOrd="0" presId="urn:microsoft.com/office/officeart/2005/8/layout/hierarchy6"/>
    <dgm:cxn modelId="{60410631-D8F0-40BD-9627-8F8C6301AF15}" type="presParOf" srcId="{3C9BBE7A-A09F-43FC-B1D4-5582CB950E23}" destId="{63D891E1-765B-47D5-BAB8-E2D24601ECCB}" srcOrd="1" destOrd="0" presId="urn:microsoft.com/office/officeart/2005/8/layout/hierarchy6"/>
    <dgm:cxn modelId="{342B0238-B943-4422-B624-8D9D306AC919}" type="presParOf" srcId="{63D891E1-765B-47D5-BAB8-E2D24601ECCB}" destId="{3190B843-024F-4C02-8C49-F9E785CC4C39}" srcOrd="0" destOrd="0" presId="urn:microsoft.com/office/officeart/2005/8/layout/hierarchy6"/>
    <dgm:cxn modelId="{4A347FF6-C9CF-40F4-B950-3DF0C319445C}" type="presParOf" srcId="{63D891E1-765B-47D5-BAB8-E2D24601ECCB}" destId="{0DEC9B9E-2C28-4BEE-A9A5-9E3233F96BCB}" srcOrd="1" destOrd="0" presId="urn:microsoft.com/office/officeart/2005/8/layout/hierarchy6"/>
    <dgm:cxn modelId="{CBC7C77E-A073-43F6-8677-7C1061BC717F}" type="presParOf" srcId="{0DEC9B9E-2C28-4BEE-A9A5-9E3233F96BCB}" destId="{7E1CACAD-DFCC-438E-8CBA-DF50F37C0C16}" srcOrd="0" destOrd="0" presId="urn:microsoft.com/office/officeart/2005/8/layout/hierarchy6"/>
    <dgm:cxn modelId="{2E7D65A4-1005-4124-BFF1-AD71F0113823}" type="presParOf" srcId="{0DEC9B9E-2C28-4BEE-A9A5-9E3233F96BCB}" destId="{442AC14E-F5AB-4B16-B6B9-7354C800EAAE}" srcOrd="1" destOrd="0" presId="urn:microsoft.com/office/officeart/2005/8/layout/hierarchy6"/>
    <dgm:cxn modelId="{43DD944C-85C2-4002-A03E-2D8808F50670}" type="presParOf" srcId="{442AC14E-F5AB-4B16-B6B9-7354C800EAAE}" destId="{61E3EB84-9BB5-4114-AC2B-12A59E718D37}" srcOrd="0" destOrd="0" presId="urn:microsoft.com/office/officeart/2005/8/layout/hierarchy6"/>
    <dgm:cxn modelId="{41A0F0F5-FC57-4299-8192-D537C06A0033}" type="presParOf" srcId="{442AC14E-F5AB-4B16-B6B9-7354C800EAAE}" destId="{2838CF89-5061-4BA7-9426-D5F2144A9779}" srcOrd="1" destOrd="0" presId="urn:microsoft.com/office/officeart/2005/8/layout/hierarchy6"/>
    <dgm:cxn modelId="{5381E420-9A35-4F43-BBBC-20811A19968C}" type="presParOf" srcId="{2838CF89-5061-4BA7-9426-D5F2144A9779}" destId="{A85B2C9E-9E6C-4B86-A7A3-9642AFEA8B22}" srcOrd="0" destOrd="0" presId="urn:microsoft.com/office/officeart/2005/8/layout/hierarchy6"/>
    <dgm:cxn modelId="{FDEC1737-283F-4B80-98B9-2AC3F52B9CC4}" type="presParOf" srcId="{2838CF89-5061-4BA7-9426-D5F2144A9779}" destId="{5EADF1F2-C04F-4C5F-B45E-1AD2BAD3DD06}" srcOrd="1" destOrd="0" presId="urn:microsoft.com/office/officeart/2005/8/layout/hierarchy6"/>
    <dgm:cxn modelId="{27D67E6E-6B71-44F8-818D-8A272F6D1730}" type="presParOf" srcId="{5EADF1F2-C04F-4C5F-B45E-1AD2BAD3DD06}" destId="{4DE06B98-4994-46CD-83BC-AC2E4C108D2E}" srcOrd="0" destOrd="0" presId="urn:microsoft.com/office/officeart/2005/8/layout/hierarchy6"/>
    <dgm:cxn modelId="{9FF9A083-F71A-4CA0-ABD9-C8E1969F3559}" type="presParOf" srcId="{5EADF1F2-C04F-4C5F-B45E-1AD2BAD3DD06}" destId="{2F96BC57-5A7D-4E93-A776-B2EC5B15375E}" srcOrd="1" destOrd="0" presId="urn:microsoft.com/office/officeart/2005/8/layout/hierarchy6"/>
    <dgm:cxn modelId="{A3619ED1-92B0-49B1-8CB5-1CC6E2C4E88E}" type="presParOf" srcId="{3C9BBE7A-A09F-43FC-B1D4-5582CB950E23}" destId="{09123D12-A00E-4CD7-91AC-D20560A77BDB}" srcOrd="2" destOrd="0" presId="urn:microsoft.com/office/officeart/2005/8/layout/hierarchy6"/>
    <dgm:cxn modelId="{136E9A20-8DF3-443E-8AE1-694426BB494A}" type="presParOf" srcId="{3C9BBE7A-A09F-43FC-B1D4-5582CB950E23}" destId="{036214C1-246D-46D0-B94F-175B7A085165}" srcOrd="3" destOrd="0" presId="urn:microsoft.com/office/officeart/2005/8/layout/hierarchy6"/>
    <dgm:cxn modelId="{424BC078-F518-4888-9507-BE835EFCDEEC}" type="presParOf" srcId="{036214C1-246D-46D0-B94F-175B7A085165}" destId="{A839BBE5-568F-4EE3-8631-EF744FFA6492}" srcOrd="0" destOrd="0" presId="urn:microsoft.com/office/officeart/2005/8/layout/hierarchy6"/>
    <dgm:cxn modelId="{85F1B5D8-9192-4EAB-8E8B-F9084C20ADAB}" type="presParOf" srcId="{036214C1-246D-46D0-B94F-175B7A085165}" destId="{4D992D83-C506-4538-87CB-C4EB9CF47DDC}" srcOrd="1" destOrd="0" presId="urn:microsoft.com/office/officeart/2005/8/layout/hierarchy6"/>
    <dgm:cxn modelId="{8556C627-03A8-42A4-848F-D4A49D44F655}" type="presParOf" srcId="{4D992D83-C506-4538-87CB-C4EB9CF47DDC}" destId="{B472D21E-80E3-486A-8376-18490C464E5C}" srcOrd="0" destOrd="0" presId="urn:microsoft.com/office/officeart/2005/8/layout/hierarchy6"/>
    <dgm:cxn modelId="{CFC64FF7-DF47-4AA9-BA6A-602B5C800F2C}" type="presParOf" srcId="{4D992D83-C506-4538-87CB-C4EB9CF47DDC}" destId="{A01FEFD9-23D1-428B-96D5-1FEF22BE0338}" srcOrd="1" destOrd="0" presId="urn:microsoft.com/office/officeart/2005/8/layout/hierarchy6"/>
    <dgm:cxn modelId="{FCE50E27-A289-474F-9DC6-3AEE4E44119C}" type="presParOf" srcId="{A01FEFD9-23D1-428B-96D5-1FEF22BE0338}" destId="{AD72F6AE-335D-4557-8101-82B073889DD9}" srcOrd="0" destOrd="0" presId="urn:microsoft.com/office/officeart/2005/8/layout/hierarchy6"/>
    <dgm:cxn modelId="{81E715CD-1E57-482F-ACD4-18E225219FD6}" type="presParOf" srcId="{A01FEFD9-23D1-428B-96D5-1FEF22BE0338}" destId="{FBD7EF03-AF0D-47D3-A57A-2F71C1D6199E}" srcOrd="1" destOrd="0" presId="urn:microsoft.com/office/officeart/2005/8/layout/hierarchy6"/>
    <dgm:cxn modelId="{4978F9F8-DF38-4563-8EB6-7B46624A5021}" type="presParOf" srcId="{FBD7EF03-AF0D-47D3-A57A-2F71C1D6199E}" destId="{930F4CEA-A8B0-427F-81F2-EB174845ED54}" srcOrd="0" destOrd="0" presId="urn:microsoft.com/office/officeart/2005/8/layout/hierarchy6"/>
    <dgm:cxn modelId="{09FB49E2-B90C-44A1-B60F-9F62A84A88AA}" type="presParOf" srcId="{FBD7EF03-AF0D-47D3-A57A-2F71C1D6199E}" destId="{B0B0CC55-FD77-4BD7-A257-C7C98EC16938}" srcOrd="1" destOrd="0" presId="urn:microsoft.com/office/officeart/2005/8/layout/hierarchy6"/>
    <dgm:cxn modelId="{98BE15CC-682D-4E45-8878-40064785B93B}" type="presParOf" srcId="{B0B0CC55-FD77-4BD7-A257-C7C98EC16938}" destId="{F8B5F300-A0A7-434B-AC15-2844F9281FF1}" srcOrd="0" destOrd="0" presId="urn:microsoft.com/office/officeart/2005/8/layout/hierarchy6"/>
    <dgm:cxn modelId="{DF252696-8BD5-4616-801A-C869DE70ACC3}" type="presParOf" srcId="{B0B0CC55-FD77-4BD7-A257-C7C98EC16938}" destId="{52E24E21-3DB4-4A03-BE2D-AECA45E6A162}" srcOrd="1" destOrd="0" presId="urn:microsoft.com/office/officeart/2005/8/layout/hierarchy6"/>
    <dgm:cxn modelId="{E1CAE578-486C-4764-8890-C0BF5CE2F836}" type="presParOf" srcId="{3C9BBE7A-A09F-43FC-B1D4-5582CB950E23}" destId="{307B57C9-30F6-4568-9937-4E9C4C5F2227}" srcOrd="4" destOrd="0" presId="urn:microsoft.com/office/officeart/2005/8/layout/hierarchy6"/>
    <dgm:cxn modelId="{15D4F62C-E110-471C-8108-B12E21F4F16E}" type="presParOf" srcId="{3C9BBE7A-A09F-43FC-B1D4-5582CB950E23}" destId="{A4F247C2-DAD4-4941-A40B-B5D91C4AC5EF}" srcOrd="5" destOrd="0" presId="urn:microsoft.com/office/officeart/2005/8/layout/hierarchy6"/>
    <dgm:cxn modelId="{420575F4-BC1B-4146-AF5F-B176600B50E1}" type="presParOf" srcId="{A4F247C2-DAD4-4941-A40B-B5D91C4AC5EF}" destId="{D6C2D193-1C58-41B5-BC6B-1A048137FBEF}" srcOrd="0" destOrd="0" presId="urn:microsoft.com/office/officeart/2005/8/layout/hierarchy6"/>
    <dgm:cxn modelId="{08D02EBC-3455-48CF-95F4-4A57CE38D192}" type="presParOf" srcId="{A4F247C2-DAD4-4941-A40B-B5D91C4AC5EF}" destId="{B973D33A-4F57-4C0C-8923-CC9D0E28901E}" srcOrd="1" destOrd="0" presId="urn:microsoft.com/office/officeart/2005/8/layout/hierarchy6"/>
    <dgm:cxn modelId="{F458536B-D750-44E4-85BB-118ADE641347}" type="presParOf" srcId="{B973D33A-4F57-4C0C-8923-CC9D0E28901E}" destId="{3572146F-389A-468C-919F-BD62CFCAA9A9}" srcOrd="0" destOrd="0" presId="urn:microsoft.com/office/officeart/2005/8/layout/hierarchy6"/>
    <dgm:cxn modelId="{04AB2AE9-FE5F-4C9B-8D8C-8F35CB38F24E}" type="presParOf" srcId="{B973D33A-4F57-4C0C-8923-CC9D0E28901E}" destId="{F4E5E240-4F15-4182-B0BB-93B0AE902EA7}" srcOrd="1" destOrd="0" presId="urn:microsoft.com/office/officeart/2005/8/layout/hierarchy6"/>
    <dgm:cxn modelId="{9FD72B87-0694-444F-8045-832391BEF50F}" type="presParOf" srcId="{F4E5E240-4F15-4182-B0BB-93B0AE902EA7}" destId="{835CC5AD-F52E-4A55-8D17-DCAAEC3C5835}" srcOrd="0" destOrd="0" presId="urn:microsoft.com/office/officeart/2005/8/layout/hierarchy6"/>
    <dgm:cxn modelId="{F81D707C-2E92-4E91-9AE8-D08D37B5212C}" type="presParOf" srcId="{F4E5E240-4F15-4182-B0BB-93B0AE902EA7}" destId="{CA530A9F-EEC2-4C5A-B4A9-C1E599EFBC75}" srcOrd="1" destOrd="0" presId="urn:microsoft.com/office/officeart/2005/8/layout/hierarchy6"/>
    <dgm:cxn modelId="{7234A2A8-BBE3-4D1F-A441-666F2DC140D1}" type="presParOf" srcId="{CA530A9F-EEC2-4C5A-B4A9-C1E599EFBC75}" destId="{FAE069E2-91A0-48D2-A4C2-F1DF35B7BF87}" srcOrd="0" destOrd="0" presId="urn:microsoft.com/office/officeart/2005/8/layout/hierarchy6"/>
    <dgm:cxn modelId="{31CBD0A7-B752-4917-BB65-9B7A4CE353B0}" type="presParOf" srcId="{CA530A9F-EEC2-4C5A-B4A9-C1E599EFBC75}" destId="{D34C9935-8147-4481-8A39-5634B6EA4E61}" srcOrd="1" destOrd="0" presId="urn:microsoft.com/office/officeart/2005/8/layout/hierarchy6"/>
    <dgm:cxn modelId="{9AC5FF8A-D50E-4B52-8881-809751907C3E}" type="presParOf" srcId="{D34C9935-8147-4481-8A39-5634B6EA4E61}" destId="{D7A3D5B0-F840-4F05-AEBB-97C657FE836B}" srcOrd="0" destOrd="0" presId="urn:microsoft.com/office/officeart/2005/8/layout/hierarchy6"/>
    <dgm:cxn modelId="{1928A97A-A53E-473B-8C47-D5B2E3C41E47}" type="presParOf" srcId="{D34C9935-8147-4481-8A39-5634B6EA4E61}" destId="{6B5B01A0-D4F4-4C93-B8FD-5DC2856A0D5C}" srcOrd="1" destOrd="0" presId="urn:microsoft.com/office/officeart/2005/8/layout/hierarchy6"/>
    <dgm:cxn modelId="{48118A55-C77A-4CE5-A90C-DC21DB2ED238}" type="presParOf" srcId="{6B5B01A0-D4F4-4C93-B8FD-5DC2856A0D5C}" destId="{E846C24E-AC13-4B51-89D5-1443157A37DF}" srcOrd="0" destOrd="0" presId="urn:microsoft.com/office/officeart/2005/8/layout/hierarchy6"/>
    <dgm:cxn modelId="{F2B424B1-D0F7-4222-A74D-8B35BCC64407}" type="presParOf" srcId="{6B5B01A0-D4F4-4C93-B8FD-5DC2856A0D5C}" destId="{77BD072A-96C8-4EC6-A19C-E7F0628080FD}" srcOrd="1" destOrd="0" presId="urn:microsoft.com/office/officeart/2005/8/layout/hierarchy6"/>
    <dgm:cxn modelId="{E48F7932-D5FE-4D6F-9861-73E8C49D4D56}" type="presParOf" srcId="{77BD072A-96C8-4EC6-A19C-E7F0628080FD}" destId="{CC0F69F3-F0E1-490D-A4BC-A8317A9B9BBF}" srcOrd="0" destOrd="0" presId="urn:microsoft.com/office/officeart/2005/8/layout/hierarchy6"/>
    <dgm:cxn modelId="{2D34B725-05E4-44DD-B01C-7E089BA9C230}" type="presParOf" srcId="{77BD072A-96C8-4EC6-A19C-E7F0628080FD}" destId="{86E63BE1-D676-4513-86C6-23EFB1A1779D}" srcOrd="1" destOrd="0" presId="urn:microsoft.com/office/officeart/2005/8/layout/hierarchy6"/>
    <dgm:cxn modelId="{2085E12D-8859-43C7-982A-FD343C4A5CCB}" type="presParOf" srcId="{C61D2DE9-0971-4136-BEFA-CFEDD4CECACF}" destId="{C6F64780-C375-4656-92CC-649F23D848B0}" srcOrd="1" destOrd="0" presId="urn:microsoft.com/office/officeart/2005/8/layout/hierarchy6"/>
    <dgm:cxn modelId="{3821444D-6DB5-4770-AD39-EAE05D0ABC3B}" type="presParOf" srcId="{C6F64780-C375-4656-92CC-649F23D848B0}" destId="{077B987E-7BE0-4395-AE6F-C281464578F4}" srcOrd="0" destOrd="0" presId="urn:microsoft.com/office/officeart/2005/8/layout/hierarchy6"/>
    <dgm:cxn modelId="{BB1D88ED-9263-4F84-A3C6-D4B0F3A31349}" type="presParOf" srcId="{077B987E-7BE0-4395-AE6F-C281464578F4}" destId="{31E733F2-D771-4CCD-9953-E0E2854A2ED8}" srcOrd="0" destOrd="0" presId="urn:microsoft.com/office/officeart/2005/8/layout/hierarchy6"/>
    <dgm:cxn modelId="{920BA85F-1462-4FE3-843C-6361282BE756}" type="presParOf" srcId="{077B987E-7BE0-4395-AE6F-C281464578F4}" destId="{44BEEC2D-9396-41EB-A65F-C233ECAB97BC}" srcOrd="1" destOrd="0" presId="urn:microsoft.com/office/officeart/2005/8/layout/hierarchy6"/>
    <dgm:cxn modelId="{1AA355BB-FFE9-4B39-8E07-9EC6E578E151}" type="presParOf" srcId="{C6F64780-C375-4656-92CC-649F23D848B0}" destId="{20B858A1-B3A3-40A9-A808-B13E1EDC1A43}" srcOrd="1" destOrd="0" presId="urn:microsoft.com/office/officeart/2005/8/layout/hierarchy6"/>
    <dgm:cxn modelId="{EF5848E4-FE0A-4074-A3E1-188416BBF989}" type="presParOf" srcId="{20B858A1-B3A3-40A9-A808-B13E1EDC1A43}" destId="{5602F626-006C-41FC-81CD-70F7D26A76B2}" srcOrd="0" destOrd="0" presId="urn:microsoft.com/office/officeart/2005/8/layout/hierarchy6"/>
    <dgm:cxn modelId="{D2B308C5-7EFF-4AC4-B956-D6E1ECAB2C89}" type="presParOf" srcId="{C6F64780-C375-4656-92CC-649F23D848B0}" destId="{86B96B5C-050B-43DB-91B3-40E2E5A3B344}" srcOrd="2" destOrd="0" presId="urn:microsoft.com/office/officeart/2005/8/layout/hierarchy6"/>
    <dgm:cxn modelId="{C9CF5781-B00B-4573-A1E3-E7E3DE4DA216}" type="presParOf" srcId="{86B96B5C-050B-43DB-91B3-40E2E5A3B344}" destId="{3BA91E51-18BD-43DB-9229-7E89324D8E7E}" srcOrd="0" destOrd="0" presId="urn:microsoft.com/office/officeart/2005/8/layout/hierarchy6"/>
    <dgm:cxn modelId="{C9BAFA27-3666-4062-A400-02395E7C48C6}" type="presParOf" srcId="{86B96B5C-050B-43DB-91B3-40E2E5A3B344}" destId="{FBFD0F45-92C8-4E26-A2A3-B59157853C82}" srcOrd="1" destOrd="0" presId="urn:microsoft.com/office/officeart/2005/8/layout/hierarchy6"/>
    <dgm:cxn modelId="{4EEBDE7B-2CCC-44F9-BB0A-403273BD23CC}" type="presParOf" srcId="{C6F64780-C375-4656-92CC-649F23D848B0}" destId="{1CAF6A2F-8222-4CD4-9B3F-5BB7D5449B84}" srcOrd="3" destOrd="0" presId="urn:microsoft.com/office/officeart/2005/8/layout/hierarchy6"/>
    <dgm:cxn modelId="{952E3027-72A7-4049-98A3-E77A5E646F74}" type="presParOf" srcId="{1CAF6A2F-8222-4CD4-9B3F-5BB7D5449B84}" destId="{66917183-7B3F-4B42-90D4-09F81DA6FCC0}" srcOrd="0" destOrd="0" presId="urn:microsoft.com/office/officeart/2005/8/layout/hierarchy6"/>
    <dgm:cxn modelId="{3849A9C8-5942-422A-A08A-00F1FA11301C}" type="presParOf" srcId="{C6F64780-C375-4656-92CC-649F23D848B0}" destId="{944BA678-258C-4BA5-A4B3-7D9471DE2842}" srcOrd="4" destOrd="0" presId="urn:microsoft.com/office/officeart/2005/8/layout/hierarchy6"/>
    <dgm:cxn modelId="{B2D5FB6C-281E-4B3C-9B23-09572BD998E7}" type="presParOf" srcId="{944BA678-258C-4BA5-A4B3-7D9471DE2842}" destId="{5FD80EB4-7E9B-41C8-ABB5-F035654D4CCE}" srcOrd="0" destOrd="0" presId="urn:microsoft.com/office/officeart/2005/8/layout/hierarchy6"/>
    <dgm:cxn modelId="{101D880F-3910-4335-88B5-902115958DB0}" type="presParOf" srcId="{944BA678-258C-4BA5-A4B3-7D9471DE2842}" destId="{5C5E8B48-08EB-4DAD-8D10-E048D4E2DEDC}" srcOrd="1" destOrd="0" presId="urn:microsoft.com/office/officeart/2005/8/layout/hierarchy6"/>
    <dgm:cxn modelId="{52D97E9B-4EE8-4B93-8A3D-1B1511B512D3}" type="presParOf" srcId="{C6F64780-C375-4656-92CC-649F23D848B0}" destId="{1F28F6E4-BECA-40D7-ADA3-91945FF3C38C}" srcOrd="5" destOrd="0" presId="urn:microsoft.com/office/officeart/2005/8/layout/hierarchy6"/>
    <dgm:cxn modelId="{A1BDF690-A56B-4C38-A48D-A734FC1167A0}" type="presParOf" srcId="{1F28F6E4-BECA-40D7-ADA3-91945FF3C38C}" destId="{6E8B3101-9884-4333-8023-366374C350CF}" srcOrd="0" destOrd="0" presId="urn:microsoft.com/office/officeart/2005/8/layout/hierarchy6"/>
    <dgm:cxn modelId="{BF7607D5-957A-40E2-A42B-20CE11FE8C0D}" type="presParOf" srcId="{C6F64780-C375-4656-92CC-649F23D848B0}" destId="{EAEB36F7-99DA-484F-AF32-F0AC7F9503BD}" srcOrd="6" destOrd="0" presId="urn:microsoft.com/office/officeart/2005/8/layout/hierarchy6"/>
    <dgm:cxn modelId="{6D6C5528-4149-4A1B-AB96-3D8C0A5E73CE}" type="presParOf" srcId="{EAEB36F7-99DA-484F-AF32-F0AC7F9503BD}" destId="{A88C1D27-9CB6-448C-B480-1EE722BDC899}" srcOrd="0" destOrd="0" presId="urn:microsoft.com/office/officeart/2005/8/layout/hierarchy6"/>
    <dgm:cxn modelId="{5792F538-44D8-4545-BED6-B3BFFF1DAA44}" type="presParOf" srcId="{EAEB36F7-99DA-484F-AF32-F0AC7F9503BD}" destId="{DB278B63-6AA7-4165-9AB5-8B8D95F13552}" srcOrd="1" destOrd="0" presId="urn:microsoft.com/office/officeart/2005/8/layout/hierarchy6"/>
    <dgm:cxn modelId="{8B30C5E4-F555-4D7D-8A62-1E8AAA59A227}" type="presParOf" srcId="{C6F64780-C375-4656-92CC-649F23D848B0}" destId="{05BAF346-EA28-4B3D-80C2-4911E48ED3C0}" srcOrd="7" destOrd="0" presId="urn:microsoft.com/office/officeart/2005/8/layout/hierarchy6"/>
    <dgm:cxn modelId="{99BBA8FC-B98B-4EDD-A571-E891EE4D3B07}" type="presParOf" srcId="{05BAF346-EA28-4B3D-80C2-4911E48ED3C0}" destId="{D9500C59-6DC1-4F14-852F-231C31BF5355}" srcOrd="0" destOrd="0" presId="urn:microsoft.com/office/officeart/2005/8/layout/hierarchy6"/>
    <dgm:cxn modelId="{BF6C4412-08C8-463B-BEFA-7F7C2B69DCFE}" type="presParOf" srcId="{C6F64780-C375-4656-92CC-649F23D848B0}" destId="{1C195648-9917-4D9A-882E-5F07B099EBA4}" srcOrd="8" destOrd="0" presId="urn:microsoft.com/office/officeart/2005/8/layout/hierarchy6"/>
    <dgm:cxn modelId="{B68DCF9E-8A63-4170-8B4D-1316878119AE}" type="presParOf" srcId="{1C195648-9917-4D9A-882E-5F07B099EBA4}" destId="{6F2299EB-4019-4DA9-A552-3C5A2ED3A1B2}" srcOrd="0" destOrd="0" presId="urn:microsoft.com/office/officeart/2005/8/layout/hierarchy6"/>
    <dgm:cxn modelId="{4DA066CD-48B5-480D-9E00-F95F2E0B9C19}" type="presParOf" srcId="{1C195648-9917-4D9A-882E-5F07B099EBA4}" destId="{8377634A-BAC1-42F1-8445-5A5AD11D7856}" srcOrd="1" destOrd="0" presId="urn:microsoft.com/office/officeart/2005/8/layout/hierarchy6"/>
  </dgm:cxnLst>
  <dgm:bg/>
  <dgm:whole/>
  <dgm:extLst>
    <a:ext uri="http://schemas.microsoft.com/office/drawing/2008/diagram">
      <dsp:dataModelExt xmlns:dsp="http://schemas.microsoft.com/office/drawing/2008/diagram" relId="rId7" minVer="http://schemas.openxmlformats.org/drawingml/2006/diagram"/>
    </a:ext>
    <a:ext uri="{C62137D5-CB1D-491B-B009-E17868A290BF}">
      <dgm14:recolorImg xmlns:dgm14="http://schemas.microsoft.com/office/drawing/2010/diagram" val="1"/>
    </a:ext>
  </dgm:extLst>
</dgm:dataModel>
</file>

<file path=ppt/diagrams/data2.xml><?xml version="1.0" encoding="utf-8"?>
<dgm:dataModel xmlns:dgm="http://schemas.openxmlformats.org/drawingml/2006/diagram" xmlns:a="http://schemas.openxmlformats.org/drawingml/2006/main">
  <dgm:ptLst>
    <dgm:pt modelId="{B118A677-901D-4501-89DF-79ABF8D3935B}" type="doc">
      <dgm:prSet loTypeId="urn:microsoft.com/office/officeart/2005/8/layout/cycle2" loCatId="cycle" qsTypeId="urn:microsoft.com/office/officeart/2005/8/quickstyle/3d1" qsCatId="3D" csTypeId="urn:microsoft.com/office/officeart/2005/8/colors/colorful2" csCatId="colorful" phldr="1"/>
      <dgm:spPr/>
    </dgm:pt>
    <dgm:pt modelId="{6C64FDEA-0C82-4D3D-923A-F1470E2AAD2B}">
      <dgm:prSet phldrT="[Text]" custT="1"/>
      <dgm:spPr/>
      <dgm:t>
        <a:bodyPr/>
        <a:lstStyle/>
        <a:p>
          <a:r>
            <a:rPr lang="en-US" sz="1600" dirty="0"/>
            <a:t>Identify data needs</a:t>
          </a:r>
        </a:p>
      </dgm:t>
    </dgm:pt>
    <dgm:pt modelId="{EFF114DD-9689-40CF-A8DA-C184CA4EEB7B}" type="parTrans" cxnId="{1F59615A-DCAC-4ED0-8C5D-E885251127A2}">
      <dgm:prSet/>
      <dgm:spPr/>
      <dgm:t>
        <a:bodyPr/>
        <a:lstStyle/>
        <a:p>
          <a:endParaRPr lang="en-US" sz="1600"/>
        </a:p>
      </dgm:t>
    </dgm:pt>
    <dgm:pt modelId="{118B9D56-ED67-4BB8-B18D-3922DD6B883F}" type="sibTrans" cxnId="{1F59615A-DCAC-4ED0-8C5D-E885251127A2}">
      <dgm:prSet custT="1"/>
      <dgm:spPr/>
      <dgm:t>
        <a:bodyPr/>
        <a:lstStyle/>
        <a:p>
          <a:endParaRPr lang="en-US" sz="1600"/>
        </a:p>
      </dgm:t>
    </dgm:pt>
    <dgm:pt modelId="{EB03137E-9F65-485E-8661-1274F4E21515}">
      <dgm:prSet phldrT="[Text]" custT="1"/>
      <dgm:spPr/>
      <dgm:t>
        <a:bodyPr/>
        <a:lstStyle/>
        <a:p>
          <a:r>
            <a:rPr lang="en-US" sz="1600" dirty="0"/>
            <a:t>Create forms &amp; process</a:t>
          </a:r>
        </a:p>
      </dgm:t>
    </dgm:pt>
    <dgm:pt modelId="{A81FB01A-237C-452B-842A-77A7D9107EB5}" type="parTrans" cxnId="{E675E975-8BE3-4C64-B6EC-9F68BE4AA5F7}">
      <dgm:prSet/>
      <dgm:spPr/>
      <dgm:t>
        <a:bodyPr/>
        <a:lstStyle/>
        <a:p>
          <a:endParaRPr lang="en-US" sz="1600"/>
        </a:p>
      </dgm:t>
    </dgm:pt>
    <dgm:pt modelId="{BF939773-B5F9-4E03-9EFA-BBCEFB7C3AC3}" type="sibTrans" cxnId="{E675E975-8BE3-4C64-B6EC-9F68BE4AA5F7}">
      <dgm:prSet custT="1"/>
      <dgm:spPr/>
      <dgm:t>
        <a:bodyPr/>
        <a:lstStyle/>
        <a:p>
          <a:endParaRPr lang="en-US" sz="1600"/>
        </a:p>
      </dgm:t>
    </dgm:pt>
    <dgm:pt modelId="{B9A85ABC-BBC6-46A8-8A84-DAAF96A6B413}">
      <dgm:prSet phldrT="[Text]" custT="1"/>
      <dgm:spPr/>
      <dgm:t>
        <a:bodyPr/>
        <a:lstStyle/>
        <a:p>
          <a:r>
            <a:rPr lang="en-US" sz="1600" dirty="0"/>
            <a:t>Test forms &amp; process</a:t>
          </a:r>
        </a:p>
      </dgm:t>
    </dgm:pt>
    <dgm:pt modelId="{0297952C-63E2-4E14-A356-02FC186317FC}" type="parTrans" cxnId="{C65E01F0-2324-4829-8660-4FF6E71A7776}">
      <dgm:prSet/>
      <dgm:spPr/>
      <dgm:t>
        <a:bodyPr/>
        <a:lstStyle/>
        <a:p>
          <a:endParaRPr lang="en-US" sz="1600"/>
        </a:p>
      </dgm:t>
    </dgm:pt>
    <dgm:pt modelId="{241DB423-7F03-4333-9915-C66C510039B0}" type="sibTrans" cxnId="{C65E01F0-2324-4829-8660-4FF6E71A7776}">
      <dgm:prSet custT="1"/>
      <dgm:spPr/>
      <dgm:t>
        <a:bodyPr/>
        <a:lstStyle/>
        <a:p>
          <a:endParaRPr lang="en-US" sz="1600"/>
        </a:p>
      </dgm:t>
    </dgm:pt>
    <dgm:pt modelId="{C410CF56-CB2E-43DC-8718-2B18E6D79976}">
      <dgm:prSet phldrT="[Text]" custT="1"/>
      <dgm:spPr/>
      <dgm:t>
        <a:bodyPr/>
        <a:lstStyle/>
        <a:p>
          <a:r>
            <a:rPr lang="en-US" sz="1600" dirty="0"/>
            <a:t>Roll-out forms &amp; process</a:t>
          </a:r>
        </a:p>
      </dgm:t>
    </dgm:pt>
    <dgm:pt modelId="{190972F5-28D8-411D-8015-9EE8551338ED}" type="parTrans" cxnId="{91DC0FF3-110F-436D-A109-EA85EB588E98}">
      <dgm:prSet/>
      <dgm:spPr/>
      <dgm:t>
        <a:bodyPr/>
        <a:lstStyle/>
        <a:p>
          <a:endParaRPr lang="en-US" sz="1600"/>
        </a:p>
      </dgm:t>
    </dgm:pt>
    <dgm:pt modelId="{3DF8F1EB-5EFB-49B9-8F74-94F5F87720E8}" type="sibTrans" cxnId="{91DC0FF3-110F-436D-A109-EA85EB588E98}">
      <dgm:prSet custT="1"/>
      <dgm:spPr/>
      <dgm:t>
        <a:bodyPr/>
        <a:lstStyle/>
        <a:p>
          <a:endParaRPr lang="en-US" sz="1600"/>
        </a:p>
      </dgm:t>
    </dgm:pt>
    <dgm:pt modelId="{1B4C8C19-5181-4108-89BC-F55BA174E360}">
      <dgm:prSet phldrT="[Text]" custT="1"/>
      <dgm:spPr/>
      <dgm:t>
        <a:bodyPr/>
        <a:lstStyle/>
        <a:p>
          <a:r>
            <a:rPr lang="en-US" sz="1600" dirty="0"/>
            <a:t>Collect data</a:t>
          </a:r>
        </a:p>
      </dgm:t>
    </dgm:pt>
    <dgm:pt modelId="{057A7C1C-8F71-4437-AFC7-4B9AEAEF129F}" type="parTrans" cxnId="{32D873B6-EAD1-427D-BDBB-350F5F289ADA}">
      <dgm:prSet/>
      <dgm:spPr/>
      <dgm:t>
        <a:bodyPr/>
        <a:lstStyle/>
        <a:p>
          <a:endParaRPr lang="en-US" sz="1600"/>
        </a:p>
      </dgm:t>
    </dgm:pt>
    <dgm:pt modelId="{54BEF38F-23C0-4EB4-9DA8-9662545D0F9D}" type="sibTrans" cxnId="{32D873B6-EAD1-427D-BDBB-350F5F289ADA}">
      <dgm:prSet custT="1"/>
      <dgm:spPr/>
      <dgm:t>
        <a:bodyPr/>
        <a:lstStyle/>
        <a:p>
          <a:endParaRPr lang="en-US" sz="1600"/>
        </a:p>
      </dgm:t>
    </dgm:pt>
    <dgm:pt modelId="{3B03D8DA-7765-4D4F-8302-CF83DA1FC68E}">
      <dgm:prSet phldrT="[Text]" custT="1"/>
      <dgm:spPr/>
      <dgm:t>
        <a:bodyPr/>
        <a:lstStyle/>
        <a:p>
          <a:r>
            <a:rPr lang="en-US" sz="1600" dirty="0"/>
            <a:t>Enter data into system</a:t>
          </a:r>
        </a:p>
      </dgm:t>
    </dgm:pt>
    <dgm:pt modelId="{98208D4D-026D-4E14-8CEE-00296E217E49}" type="parTrans" cxnId="{6F07F2A5-2F9D-4110-B308-68F50E1C73C7}">
      <dgm:prSet/>
      <dgm:spPr/>
      <dgm:t>
        <a:bodyPr/>
        <a:lstStyle/>
        <a:p>
          <a:endParaRPr lang="en-US" sz="1600"/>
        </a:p>
      </dgm:t>
    </dgm:pt>
    <dgm:pt modelId="{712CB416-C9B9-4720-BB84-1D45B548642D}" type="sibTrans" cxnId="{6F07F2A5-2F9D-4110-B308-68F50E1C73C7}">
      <dgm:prSet custT="1"/>
      <dgm:spPr/>
      <dgm:t>
        <a:bodyPr/>
        <a:lstStyle/>
        <a:p>
          <a:endParaRPr lang="en-US" sz="1600"/>
        </a:p>
      </dgm:t>
    </dgm:pt>
    <dgm:pt modelId="{3C63CF14-15E0-4A52-978C-E2775CF2F6D6}">
      <dgm:prSet phldrT="[Text]" custT="1"/>
      <dgm:spPr/>
      <dgm:t>
        <a:bodyPr/>
        <a:lstStyle/>
        <a:p>
          <a:r>
            <a:rPr lang="en-US" sz="1600" dirty="0"/>
            <a:t>Validate data</a:t>
          </a:r>
        </a:p>
      </dgm:t>
    </dgm:pt>
    <dgm:pt modelId="{1074FAEA-468D-4264-9013-AC0D9B121032}" type="parTrans" cxnId="{C483CD45-5F30-4A90-9593-B1FD3DE7FEFA}">
      <dgm:prSet/>
      <dgm:spPr/>
      <dgm:t>
        <a:bodyPr/>
        <a:lstStyle/>
        <a:p>
          <a:endParaRPr lang="en-US" sz="1600"/>
        </a:p>
      </dgm:t>
    </dgm:pt>
    <dgm:pt modelId="{A59AA7F0-56E4-41B2-8EEA-61E33CC5C7E6}" type="sibTrans" cxnId="{C483CD45-5F30-4A90-9593-B1FD3DE7FEFA}">
      <dgm:prSet custT="1"/>
      <dgm:spPr/>
      <dgm:t>
        <a:bodyPr/>
        <a:lstStyle/>
        <a:p>
          <a:endParaRPr lang="en-US" sz="1600"/>
        </a:p>
      </dgm:t>
    </dgm:pt>
    <dgm:pt modelId="{40F7633A-E389-4232-A561-7C62CB33DF57}">
      <dgm:prSet phldrT="[Text]" custT="1"/>
      <dgm:spPr/>
      <dgm:t>
        <a:bodyPr/>
        <a:lstStyle/>
        <a:p>
          <a:r>
            <a:rPr lang="en-US" sz="1600" dirty="0"/>
            <a:t>Manage data in MIS</a:t>
          </a:r>
        </a:p>
      </dgm:t>
    </dgm:pt>
    <dgm:pt modelId="{C28C3D76-7443-46B7-9F76-B461EB67C9D5}" type="parTrans" cxnId="{31034EC5-5D5E-4D63-BEBF-8F1AB669D774}">
      <dgm:prSet/>
      <dgm:spPr/>
      <dgm:t>
        <a:bodyPr/>
        <a:lstStyle/>
        <a:p>
          <a:endParaRPr lang="en-US" sz="1600"/>
        </a:p>
      </dgm:t>
    </dgm:pt>
    <dgm:pt modelId="{C57DFDF2-89C6-4115-8F49-F85E2EA27E14}" type="sibTrans" cxnId="{31034EC5-5D5E-4D63-BEBF-8F1AB669D774}">
      <dgm:prSet custT="1"/>
      <dgm:spPr/>
      <dgm:t>
        <a:bodyPr/>
        <a:lstStyle/>
        <a:p>
          <a:endParaRPr lang="en-US" sz="1600"/>
        </a:p>
      </dgm:t>
    </dgm:pt>
    <dgm:pt modelId="{4F982BC8-1B5C-4792-B676-185BAA7B19E4}">
      <dgm:prSet phldrT="[Text]" custT="1"/>
      <dgm:spPr/>
      <dgm:t>
        <a:bodyPr/>
        <a:lstStyle/>
        <a:p>
          <a:r>
            <a:rPr lang="en-US" sz="1600" dirty="0"/>
            <a:t>Share information</a:t>
          </a:r>
        </a:p>
      </dgm:t>
    </dgm:pt>
    <dgm:pt modelId="{7EC6E69F-4317-4A8B-8950-B5FC26C07631}" type="parTrans" cxnId="{84DECF76-B8EE-4EA9-9801-018BCCA43CC4}">
      <dgm:prSet/>
      <dgm:spPr/>
      <dgm:t>
        <a:bodyPr/>
        <a:lstStyle/>
        <a:p>
          <a:endParaRPr lang="en-US" sz="1600"/>
        </a:p>
      </dgm:t>
    </dgm:pt>
    <dgm:pt modelId="{B2F803B2-7362-44B8-B917-A82A9F5C7045}" type="sibTrans" cxnId="{84DECF76-B8EE-4EA9-9801-018BCCA43CC4}">
      <dgm:prSet/>
      <dgm:spPr/>
      <dgm:t>
        <a:bodyPr/>
        <a:lstStyle/>
        <a:p>
          <a:endParaRPr lang="en-US" sz="1600"/>
        </a:p>
      </dgm:t>
    </dgm:pt>
    <dgm:pt modelId="{5381A8B2-3354-4396-AE64-57DAC151BCA1}">
      <dgm:prSet phldrT="[Text]" custT="1"/>
      <dgm:spPr/>
      <dgm:t>
        <a:bodyPr/>
        <a:lstStyle/>
        <a:p>
          <a:r>
            <a:rPr lang="en-US" sz="1600" dirty="0"/>
            <a:t>Facilitate data use</a:t>
          </a:r>
        </a:p>
      </dgm:t>
    </dgm:pt>
    <dgm:pt modelId="{DBDA36F8-8932-4578-8E89-1E7DE41B00A1}" type="parTrans" cxnId="{3305ABC0-6429-4D57-8598-6CECAD1B8F82}">
      <dgm:prSet/>
      <dgm:spPr/>
      <dgm:t>
        <a:bodyPr/>
        <a:lstStyle/>
        <a:p>
          <a:endParaRPr lang="en-US"/>
        </a:p>
      </dgm:t>
    </dgm:pt>
    <dgm:pt modelId="{321A4854-A173-48F2-8DD7-DEC3BD2E87F7}" type="sibTrans" cxnId="{3305ABC0-6429-4D57-8598-6CECAD1B8F82}">
      <dgm:prSet/>
      <dgm:spPr/>
      <dgm:t>
        <a:bodyPr/>
        <a:lstStyle/>
        <a:p>
          <a:endParaRPr lang="en-US"/>
        </a:p>
      </dgm:t>
    </dgm:pt>
    <dgm:pt modelId="{C75CA068-B8FA-4E41-AF5E-5E9C35B970CF}" type="pres">
      <dgm:prSet presAssocID="{B118A677-901D-4501-89DF-79ABF8D3935B}" presName="cycle" presStyleCnt="0">
        <dgm:presLayoutVars>
          <dgm:dir/>
          <dgm:resizeHandles val="exact"/>
        </dgm:presLayoutVars>
      </dgm:prSet>
      <dgm:spPr/>
    </dgm:pt>
    <dgm:pt modelId="{82208B9D-5B84-4A53-8BD1-061C482929AE}" type="pres">
      <dgm:prSet presAssocID="{6C64FDEA-0C82-4D3D-923A-F1470E2AAD2B}" presName="node" presStyleLbl="node1" presStyleIdx="0" presStyleCnt="10">
        <dgm:presLayoutVars>
          <dgm:bulletEnabled val="1"/>
        </dgm:presLayoutVars>
      </dgm:prSet>
      <dgm:spPr/>
    </dgm:pt>
    <dgm:pt modelId="{E8FAE9D3-1392-4DA1-84B6-4CCB220C3BB8}" type="pres">
      <dgm:prSet presAssocID="{118B9D56-ED67-4BB8-B18D-3922DD6B883F}" presName="sibTrans" presStyleLbl="sibTrans2D1" presStyleIdx="0" presStyleCnt="10"/>
      <dgm:spPr/>
    </dgm:pt>
    <dgm:pt modelId="{B57CADB5-1B31-4D16-A024-FBA616362696}" type="pres">
      <dgm:prSet presAssocID="{118B9D56-ED67-4BB8-B18D-3922DD6B883F}" presName="connectorText" presStyleLbl="sibTrans2D1" presStyleIdx="0" presStyleCnt="10"/>
      <dgm:spPr/>
    </dgm:pt>
    <dgm:pt modelId="{4209AC67-8E4C-4312-AD4A-E7747A1C1EDB}" type="pres">
      <dgm:prSet presAssocID="{EB03137E-9F65-485E-8661-1274F4E21515}" presName="node" presStyleLbl="node1" presStyleIdx="1" presStyleCnt="10">
        <dgm:presLayoutVars>
          <dgm:bulletEnabled val="1"/>
        </dgm:presLayoutVars>
      </dgm:prSet>
      <dgm:spPr/>
    </dgm:pt>
    <dgm:pt modelId="{733E0EF0-1FA0-4F94-BEE8-461B892C9F99}" type="pres">
      <dgm:prSet presAssocID="{BF939773-B5F9-4E03-9EFA-BBCEFB7C3AC3}" presName="sibTrans" presStyleLbl="sibTrans2D1" presStyleIdx="1" presStyleCnt="10"/>
      <dgm:spPr/>
    </dgm:pt>
    <dgm:pt modelId="{7FF60AB9-00AF-4E96-8BA7-037BD5C7E5A3}" type="pres">
      <dgm:prSet presAssocID="{BF939773-B5F9-4E03-9EFA-BBCEFB7C3AC3}" presName="connectorText" presStyleLbl="sibTrans2D1" presStyleIdx="1" presStyleCnt="10"/>
      <dgm:spPr/>
    </dgm:pt>
    <dgm:pt modelId="{3D28F87A-A54F-4F9E-93D0-051E140E9CB8}" type="pres">
      <dgm:prSet presAssocID="{B9A85ABC-BBC6-46A8-8A84-DAAF96A6B413}" presName="node" presStyleLbl="node1" presStyleIdx="2" presStyleCnt="10">
        <dgm:presLayoutVars>
          <dgm:bulletEnabled val="1"/>
        </dgm:presLayoutVars>
      </dgm:prSet>
      <dgm:spPr/>
    </dgm:pt>
    <dgm:pt modelId="{222EE20C-312F-49E9-A1FD-0D95FA7C24E1}" type="pres">
      <dgm:prSet presAssocID="{241DB423-7F03-4333-9915-C66C510039B0}" presName="sibTrans" presStyleLbl="sibTrans2D1" presStyleIdx="2" presStyleCnt="10"/>
      <dgm:spPr/>
    </dgm:pt>
    <dgm:pt modelId="{DDAA37DD-516F-48B4-9C36-1122FAAD53FD}" type="pres">
      <dgm:prSet presAssocID="{241DB423-7F03-4333-9915-C66C510039B0}" presName="connectorText" presStyleLbl="sibTrans2D1" presStyleIdx="2" presStyleCnt="10"/>
      <dgm:spPr/>
    </dgm:pt>
    <dgm:pt modelId="{9E72C8EC-FC87-45A1-81BD-5C62AFED15E0}" type="pres">
      <dgm:prSet presAssocID="{C410CF56-CB2E-43DC-8718-2B18E6D79976}" presName="node" presStyleLbl="node1" presStyleIdx="3" presStyleCnt="10">
        <dgm:presLayoutVars>
          <dgm:bulletEnabled val="1"/>
        </dgm:presLayoutVars>
      </dgm:prSet>
      <dgm:spPr/>
    </dgm:pt>
    <dgm:pt modelId="{4172FDB8-FD75-44E6-B636-F169466EA6F2}" type="pres">
      <dgm:prSet presAssocID="{3DF8F1EB-5EFB-49B9-8F74-94F5F87720E8}" presName="sibTrans" presStyleLbl="sibTrans2D1" presStyleIdx="3" presStyleCnt="10"/>
      <dgm:spPr/>
    </dgm:pt>
    <dgm:pt modelId="{17467B67-A001-4B8A-B8DA-78DC25A04957}" type="pres">
      <dgm:prSet presAssocID="{3DF8F1EB-5EFB-49B9-8F74-94F5F87720E8}" presName="connectorText" presStyleLbl="sibTrans2D1" presStyleIdx="3" presStyleCnt="10"/>
      <dgm:spPr/>
    </dgm:pt>
    <dgm:pt modelId="{C5FBF30B-7429-4704-90D2-4454965FD314}" type="pres">
      <dgm:prSet presAssocID="{1B4C8C19-5181-4108-89BC-F55BA174E360}" presName="node" presStyleLbl="node1" presStyleIdx="4" presStyleCnt="10">
        <dgm:presLayoutVars>
          <dgm:bulletEnabled val="1"/>
        </dgm:presLayoutVars>
      </dgm:prSet>
      <dgm:spPr/>
    </dgm:pt>
    <dgm:pt modelId="{9BDCB39E-9B45-4116-ADAB-0FEE6C6B1C4B}" type="pres">
      <dgm:prSet presAssocID="{54BEF38F-23C0-4EB4-9DA8-9662545D0F9D}" presName="sibTrans" presStyleLbl="sibTrans2D1" presStyleIdx="4" presStyleCnt="10"/>
      <dgm:spPr/>
    </dgm:pt>
    <dgm:pt modelId="{D128A369-76A0-4D4D-835F-808E2E70F7D2}" type="pres">
      <dgm:prSet presAssocID="{54BEF38F-23C0-4EB4-9DA8-9662545D0F9D}" presName="connectorText" presStyleLbl="sibTrans2D1" presStyleIdx="4" presStyleCnt="10"/>
      <dgm:spPr/>
    </dgm:pt>
    <dgm:pt modelId="{72DBBB8A-A9D2-4A5B-A5A3-76FDD3B65AE9}" type="pres">
      <dgm:prSet presAssocID="{3B03D8DA-7765-4D4F-8302-CF83DA1FC68E}" presName="node" presStyleLbl="node1" presStyleIdx="5" presStyleCnt="10">
        <dgm:presLayoutVars>
          <dgm:bulletEnabled val="1"/>
        </dgm:presLayoutVars>
      </dgm:prSet>
      <dgm:spPr/>
    </dgm:pt>
    <dgm:pt modelId="{5C8BDD24-6C65-47C3-86C6-768CD8448650}" type="pres">
      <dgm:prSet presAssocID="{712CB416-C9B9-4720-BB84-1D45B548642D}" presName="sibTrans" presStyleLbl="sibTrans2D1" presStyleIdx="5" presStyleCnt="10"/>
      <dgm:spPr/>
    </dgm:pt>
    <dgm:pt modelId="{9591738F-221A-46C9-9612-3024E355C661}" type="pres">
      <dgm:prSet presAssocID="{712CB416-C9B9-4720-BB84-1D45B548642D}" presName="connectorText" presStyleLbl="sibTrans2D1" presStyleIdx="5" presStyleCnt="10"/>
      <dgm:spPr/>
    </dgm:pt>
    <dgm:pt modelId="{35D7121D-85F0-4E7F-8752-D7A676C355D2}" type="pres">
      <dgm:prSet presAssocID="{3C63CF14-15E0-4A52-978C-E2775CF2F6D6}" presName="node" presStyleLbl="node1" presStyleIdx="6" presStyleCnt="10">
        <dgm:presLayoutVars>
          <dgm:bulletEnabled val="1"/>
        </dgm:presLayoutVars>
      </dgm:prSet>
      <dgm:spPr/>
    </dgm:pt>
    <dgm:pt modelId="{3A8E9418-1B85-41DA-A8B4-76F2AEC9B2DE}" type="pres">
      <dgm:prSet presAssocID="{A59AA7F0-56E4-41B2-8EEA-61E33CC5C7E6}" presName="sibTrans" presStyleLbl="sibTrans2D1" presStyleIdx="6" presStyleCnt="10"/>
      <dgm:spPr/>
    </dgm:pt>
    <dgm:pt modelId="{5A3D895A-10C8-458C-9A06-08B816232134}" type="pres">
      <dgm:prSet presAssocID="{A59AA7F0-56E4-41B2-8EEA-61E33CC5C7E6}" presName="connectorText" presStyleLbl="sibTrans2D1" presStyleIdx="6" presStyleCnt="10"/>
      <dgm:spPr/>
    </dgm:pt>
    <dgm:pt modelId="{1A417AE2-7DCE-4A5B-AA84-E44756AEBA25}" type="pres">
      <dgm:prSet presAssocID="{40F7633A-E389-4232-A561-7C62CB33DF57}" presName="node" presStyleLbl="node1" presStyleIdx="7" presStyleCnt="10">
        <dgm:presLayoutVars>
          <dgm:bulletEnabled val="1"/>
        </dgm:presLayoutVars>
      </dgm:prSet>
      <dgm:spPr/>
    </dgm:pt>
    <dgm:pt modelId="{7DA4E6F5-5F82-4992-89FB-9A13017CE0DB}" type="pres">
      <dgm:prSet presAssocID="{C57DFDF2-89C6-4115-8F49-F85E2EA27E14}" presName="sibTrans" presStyleLbl="sibTrans2D1" presStyleIdx="7" presStyleCnt="10"/>
      <dgm:spPr/>
    </dgm:pt>
    <dgm:pt modelId="{627745EE-3BBA-4490-8B73-15AA4EE90DE8}" type="pres">
      <dgm:prSet presAssocID="{C57DFDF2-89C6-4115-8F49-F85E2EA27E14}" presName="connectorText" presStyleLbl="sibTrans2D1" presStyleIdx="7" presStyleCnt="10"/>
      <dgm:spPr/>
    </dgm:pt>
    <dgm:pt modelId="{CDB41F4F-688C-4490-B89A-F947556A62B7}" type="pres">
      <dgm:prSet presAssocID="{4F982BC8-1B5C-4792-B676-185BAA7B19E4}" presName="node" presStyleLbl="node1" presStyleIdx="8" presStyleCnt="10">
        <dgm:presLayoutVars>
          <dgm:bulletEnabled val="1"/>
        </dgm:presLayoutVars>
      </dgm:prSet>
      <dgm:spPr/>
    </dgm:pt>
    <dgm:pt modelId="{EFB7B187-C31B-40AD-BE1E-5BA7F7DB24E7}" type="pres">
      <dgm:prSet presAssocID="{B2F803B2-7362-44B8-B917-A82A9F5C7045}" presName="sibTrans" presStyleLbl="sibTrans2D1" presStyleIdx="8" presStyleCnt="10"/>
      <dgm:spPr/>
    </dgm:pt>
    <dgm:pt modelId="{D1598D26-F537-4878-977E-1292BAB1AC8C}" type="pres">
      <dgm:prSet presAssocID="{B2F803B2-7362-44B8-B917-A82A9F5C7045}" presName="connectorText" presStyleLbl="sibTrans2D1" presStyleIdx="8" presStyleCnt="10"/>
      <dgm:spPr/>
    </dgm:pt>
    <dgm:pt modelId="{34E71618-BC08-4DDB-8255-A70153FCCC66}" type="pres">
      <dgm:prSet presAssocID="{5381A8B2-3354-4396-AE64-57DAC151BCA1}" presName="node" presStyleLbl="node1" presStyleIdx="9" presStyleCnt="10">
        <dgm:presLayoutVars>
          <dgm:bulletEnabled val="1"/>
        </dgm:presLayoutVars>
      </dgm:prSet>
      <dgm:spPr/>
    </dgm:pt>
    <dgm:pt modelId="{837037DB-FD11-48C1-8969-B6A62613B709}" type="pres">
      <dgm:prSet presAssocID="{321A4854-A173-48F2-8DD7-DEC3BD2E87F7}" presName="sibTrans" presStyleLbl="sibTrans2D1" presStyleIdx="9" presStyleCnt="10"/>
      <dgm:spPr/>
    </dgm:pt>
    <dgm:pt modelId="{4AE07AC6-7BCC-4259-9258-302018F09847}" type="pres">
      <dgm:prSet presAssocID="{321A4854-A173-48F2-8DD7-DEC3BD2E87F7}" presName="connectorText" presStyleLbl="sibTrans2D1" presStyleIdx="9" presStyleCnt="10"/>
      <dgm:spPr/>
    </dgm:pt>
  </dgm:ptLst>
  <dgm:cxnLst>
    <dgm:cxn modelId="{A393E604-7E37-4308-B564-2A10075A479E}" type="presOf" srcId="{241DB423-7F03-4333-9915-C66C510039B0}" destId="{222EE20C-312F-49E9-A1FD-0D95FA7C24E1}" srcOrd="0" destOrd="0" presId="urn:microsoft.com/office/officeart/2005/8/layout/cycle2"/>
    <dgm:cxn modelId="{44A31208-4AFB-44AB-A949-C696E6906087}" type="presOf" srcId="{712CB416-C9B9-4720-BB84-1D45B548642D}" destId="{5C8BDD24-6C65-47C3-86C6-768CD8448650}" srcOrd="0" destOrd="0" presId="urn:microsoft.com/office/officeart/2005/8/layout/cycle2"/>
    <dgm:cxn modelId="{D632B510-DCD7-4833-B93E-E4B83D324A7C}" type="presOf" srcId="{C57DFDF2-89C6-4115-8F49-F85E2EA27E14}" destId="{627745EE-3BBA-4490-8B73-15AA4EE90DE8}" srcOrd="1" destOrd="0" presId="urn:microsoft.com/office/officeart/2005/8/layout/cycle2"/>
    <dgm:cxn modelId="{B5415715-9A4C-423A-B372-A0934706E884}" type="presOf" srcId="{C410CF56-CB2E-43DC-8718-2B18E6D79976}" destId="{9E72C8EC-FC87-45A1-81BD-5C62AFED15E0}" srcOrd="0" destOrd="0" presId="urn:microsoft.com/office/officeart/2005/8/layout/cycle2"/>
    <dgm:cxn modelId="{31EB9A22-215B-4F0C-BED5-7CC6154EF871}" type="presOf" srcId="{54BEF38F-23C0-4EB4-9DA8-9662545D0F9D}" destId="{9BDCB39E-9B45-4116-ADAB-0FEE6C6B1C4B}" srcOrd="0" destOrd="0" presId="urn:microsoft.com/office/officeart/2005/8/layout/cycle2"/>
    <dgm:cxn modelId="{F038412E-CCC1-4137-8066-2C0BE01E885A}" type="presOf" srcId="{BF939773-B5F9-4E03-9EFA-BBCEFB7C3AC3}" destId="{7FF60AB9-00AF-4E96-8BA7-037BD5C7E5A3}" srcOrd="1" destOrd="0" presId="urn:microsoft.com/office/officeart/2005/8/layout/cycle2"/>
    <dgm:cxn modelId="{3550A53B-D1BE-4F58-833D-383C3D6D2295}" type="presOf" srcId="{241DB423-7F03-4333-9915-C66C510039B0}" destId="{DDAA37DD-516F-48B4-9C36-1122FAAD53FD}" srcOrd="1" destOrd="0" presId="urn:microsoft.com/office/officeart/2005/8/layout/cycle2"/>
    <dgm:cxn modelId="{7A6A795B-13C7-4417-8B97-8F2D4B6AEC6D}" type="presOf" srcId="{3DF8F1EB-5EFB-49B9-8F74-94F5F87720E8}" destId="{4172FDB8-FD75-44E6-B636-F169466EA6F2}" srcOrd="0" destOrd="0" presId="urn:microsoft.com/office/officeart/2005/8/layout/cycle2"/>
    <dgm:cxn modelId="{74DC9A5D-DDFA-4363-A8D3-E220F6B18AAB}" type="presOf" srcId="{118B9D56-ED67-4BB8-B18D-3922DD6B883F}" destId="{E8FAE9D3-1392-4DA1-84B6-4CCB220C3BB8}" srcOrd="0" destOrd="0" presId="urn:microsoft.com/office/officeart/2005/8/layout/cycle2"/>
    <dgm:cxn modelId="{EAA42064-2481-4CD4-BF70-8C20AFBD36C8}" type="presOf" srcId="{3DF8F1EB-5EFB-49B9-8F74-94F5F87720E8}" destId="{17467B67-A001-4B8A-B8DA-78DC25A04957}" srcOrd="1" destOrd="0" presId="urn:microsoft.com/office/officeart/2005/8/layout/cycle2"/>
    <dgm:cxn modelId="{C483CD45-5F30-4A90-9593-B1FD3DE7FEFA}" srcId="{B118A677-901D-4501-89DF-79ABF8D3935B}" destId="{3C63CF14-15E0-4A52-978C-E2775CF2F6D6}" srcOrd="6" destOrd="0" parTransId="{1074FAEA-468D-4264-9013-AC0D9B121032}" sibTransId="{A59AA7F0-56E4-41B2-8EEA-61E33CC5C7E6}"/>
    <dgm:cxn modelId="{9620B368-F94C-4347-9225-51B8261EE5D2}" type="presOf" srcId="{EB03137E-9F65-485E-8661-1274F4E21515}" destId="{4209AC67-8E4C-4312-AD4A-E7747A1C1EDB}" srcOrd="0" destOrd="0" presId="urn:microsoft.com/office/officeart/2005/8/layout/cycle2"/>
    <dgm:cxn modelId="{F20C626D-995F-4185-9704-6E163DA2038D}" type="presOf" srcId="{54BEF38F-23C0-4EB4-9DA8-9662545D0F9D}" destId="{D128A369-76A0-4D4D-835F-808E2E70F7D2}" srcOrd="1" destOrd="0" presId="urn:microsoft.com/office/officeart/2005/8/layout/cycle2"/>
    <dgm:cxn modelId="{DF42526D-8AE0-40DD-8C92-1201B0CA829D}" type="presOf" srcId="{40F7633A-E389-4232-A561-7C62CB33DF57}" destId="{1A417AE2-7DCE-4A5B-AA84-E44756AEBA25}" srcOrd="0" destOrd="0" presId="urn:microsoft.com/office/officeart/2005/8/layout/cycle2"/>
    <dgm:cxn modelId="{B87DF84F-12DB-4967-B9AA-9AC355CAF162}" type="presOf" srcId="{6C64FDEA-0C82-4D3D-923A-F1470E2AAD2B}" destId="{82208B9D-5B84-4A53-8BD1-061C482929AE}" srcOrd="0" destOrd="0" presId="urn:microsoft.com/office/officeart/2005/8/layout/cycle2"/>
    <dgm:cxn modelId="{96D47C50-298A-4F89-8AE3-C0FE760594FB}" type="presOf" srcId="{B118A677-901D-4501-89DF-79ABF8D3935B}" destId="{C75CA068-B8FA-4E41-AF5E-5E9C35B970CF}" srcOrd="0" destOrd="0" presId="urn:microsoft.com/office/officeart/2005/8/layout/cycle2"/>
    <dgm:cxn modelId="{4C9CDF53-E1DC-4DF2-9EF8-2835C0501261}" type="presOf" srcId="{C57DFDF2-89C6-4115-8F49-F85E2EA27E14}" destId="{7DA4E6F5-5F82-4992-89FB-9A13017CE0DB}" srcOrd="0" destOrd="0" presId="urn:microsoft.com/office/officeart/2005/8/layout/cycle2"/>
    <dgm:cxn modelId="{8D330175-33C0-4F58-89B2-E48FDA8597C4}" type="presOf" srcId="{3B03D8DA-7765-4D4F-8302-CF83DA1FC68E}" destId="{72DBBB8A-A9D2-4A5B-A5A3-76FDD3B65AE9}" srcOrd="0" destOrd="0" presId="urn:microsoft.com/office/officeart/2005/8/layout/cycle2"/>
    <dgm:cxn modelId="{E675E975-8BE3-4C64-B6EC-9F68BE4AA5F7}" srcId="{B118A677-901D-4501-89DF-79ABF8D3935B}" destId="{EB03137E-9F65-485E-8661-1274F4E21515}" srcOrd="1" destOrd="0" parTransId="{A81FB01A-237C-452B-842A-77A7D9107EB5}" sibTransId="{BF939773-B5F9-4E03-9EFA-BBCEFB7C3AC3}"/>
    <dgm:cxn modelId="{84DECF76-B8EE-4EA9-9801-018BCCA43CC4}" srcId="{B118A677-901D-4501-89DF-79ABF8D3935B}" destId="{4F982BC8-1B5C-4792-B676-185BAA7B19E4}" srcOrd="8" destOrd="0" parTransId="{7EC6E69F-4317-4A8B-8950-B5FC26C07631}" sibTransId="{B2F803B2-7362-44B8-B917-A82A9F5C7045}"/>
    <dgm:cxn modelId="{1F59615A-DCAC-4ED0-8C5D-E885251127A2}" srcId="{B118A677-901D-4501-89DF-79ABF8D3935B}" destId="{6C64FDEA-0C82-4D3D-923A-F1470E2AAD2B}" srcOrd="0" destOrd="0" parTransId="{EFF114DD-9689-40CF-A8DA-C184CA4EEB7B}" sibTransId="{118B9D56-ED67-4BB8-B18D-3922DD6B883F}"/>
    <dgm:cxn modelId="{7A3DA681-181A-40C3-AA5B-E3F3F41FDDFD}" type="presOf" srcId="{321A4854-A173-48F2-8DD7-DEC3BD2E87F7}" destId="{4AE07AC6-7BCC-4259-9258-302018F09847}" srcOrd="1" destOrd="0" presId="urn:microsoft.com/office/officeart/2005/8/layout/cycle2"/>
    <dgm:cxn modelId="{6F07F2A5-2F9D-4110-B308-68F50E1C73C7}" srcId="{B118A677-901D-4501-89DF-79ABF8D3935B}" destId="{3B03D8DA-7765-4D4F-8302-CF83DA1FC68E}" srcOrd="5" destOrd="0" parTransId="{98208D4D-026D-4E14-8CEE-00296E217E49}" sibTransId="{712CB416-C9B9-4720-BB84-1D45B548642D}"/>
    <dgm:cxn modelId="{3AED8DA9-078B-4372-A2CB-7CAC0CA5AB1F}" type="presOf" srcId="{1B4C8C19-5181-4108-89BC-F55BA174E360}" destId="{C5FBF30B-7429-4704-90D2-4454965FD314}" srcOrd="0" destOrd="0" presId="urn:microsoft.com/office/officeart/2005/8/layout/cycle2"/>
    <dgm:cxn modelId="{5A3AD7AF-0A7D-496E-9876-F2E23913FA1F}" type="presOf" srcId="{A59AA7F0-56E4-41B2-8EEA-61E33CC5C7E6}" destId="{3A8E9418-1B85-41DA-A8B4-76F2AEC9B2DE}" srcOrd="0" destOrd="0" presId="urn:microsoft.com/office/officeart/2005/8/layout/cycle2"/>
    <dgm:cxn modelId="{32D873B6-EAD1-427D-BDBB-350F5F289ADA}" srcId="{B118A677-901D-4501-89DF-79ABF8D3935B}" destId="{1B4C8C19-5181-4108-89BC-F55BA174E360}" srcOrd="4" destOrd="0" parTransId="{057A7C1C-8F71-4437-AFC7-4B9AEAEF129F}" sibTransId="{54BEF38F-23C0-4EB4-9DA8-9662545D0F9D}"/>
    <dgm:cxn modelId="{6D4A5CB7-D4D2-450A-8D68-7CD4101D8A50}" type="presOf" srcId="{118B9D56-ED67-4BB8-B18D-3922DD6B883F}" destId="{B57CADB5-1B31-4D16-A024-FBA616362696}" srcOrd="1" destOrd="0" presId="urn:microsoft.com/office/officeart/2005/8/layout/cycle2"/>
    <dgm:cxn modelId="{A6A5F3BA-CE05-40F8-93C8-D1B903BB6609}" type="presOf" srcId="{712CB416-C9B9-4720-BB84-1D45B548642D}" destId="{9591738F-221A-46C9-9612-3024E355C661}" srcOrd="1" destOrd="0" presId="urn:microsoft.com/office/officeart/2005/8/layout/cycle2"/>
    <dgm:cxn modelId="{0F4393BD-32AF-4665-8848-D02398DF0343}" type="presOf" srcId="{B9A85ABC-BBC6-46A8-8A84-DAAF96A6B413}" destId="{3D28F87A-A54F-4F9E-93D0-051E140E9CB8}" srcOrd="0" destOrd="0" presId="urn:microsoft.com/office/officeart/2005/8/layout/cycle2"/>
    <dgm:cxn modelId="{3305ABC0-6429-4D57-8598-6CECAD1B8F82}" srcId="{B118A677-901D-4501-89DF-79ABF8D3935B}" destId="{5381A8B2-3354-4396-AE64-57DAC151BCA1}" srcOrd="9" destOrd="0" parTransId="{DBDA36F8-8932-4578-8E89-1E7DE41B00A1}" sibTransId="{321A4854-A173-48F2-8DD7-DEC3BD2E87F7}"/>
    <dgm:cxn modelId="{8D38A6C4-27F8-4E48-8580-A2E23792858B}" type="presOf" srcId="{4F982BC8-1B5C-4792-B676-185BAA7B19E4}" destId="{CDB41F4F-688C-4490-B89A-F947556A62B7}" srcOrd="0" destOrd="0" presId="urn:microsoft.com/office/officeart/2005/8/layout/cycle2"/>
    <dgm:cxn modelId="{31034EC5-5D5E-4D63-BEBF-8F1AB669D774}" srcId="{B118A677-901D-4501-89DF-79ABF8D3935B}" destId="{40F7633A-E389-4232-A561-7C62CB33DF57}" srcOrd="7" destOrd="0" parTransId="{C28C3D76-7443-46B7-9F76-B461EB67C9D5}" sibTransId="{C57DFDF2-89C6-4115-8F49-F85E2EA27E14}"/>
    <dgm:cxn modelId="{FEBC28CE-E559-420D-9D17-867919B3DA3C}" type="presOf" srcId="{5381A8B2-3354-4396-AE64-57DAC151BCA1}" destId="{34E71618-BC08-4DDB-8255-A70153FCCC66}" srcOrd="0" destOrd="0" presId="urn:microsoft.com/office/officeart/2005/8/layout/cycle2"/>
    <dgm:cxn modelId="{237A6BD5-8EF8-4915-8706-6B6ADDEDE03B}" type="presOf" srcId="{321A4854-A173-48F2-8DD7-DEC3BD2E87F7}" destId="{837037DB-FD11-48C1-8969-B6A62613B709}" srcOrd="0" destOrd="0" presId="urn:microsoft.com/office/officeart/2005/8/layout/cycle2"/>
    <dgm:cxn modelId="{FA3C71E5-6EC9-463D-AB4E-D7172DC60803}" type="presOf" srcId="{B2F803B2-7362-44B8-B917-A82A9F5C7045}" destId="{D1598D26-F537-4878-977E-1292BAB1AC8C}" srcOrd="1" destOrd="0" presId="urn:microsoft.com/office/officeart/2005/8/layout/cycle2"/>
    <dgm:cxn modelId="{FE74D2E8-61D4-4C4F-8B60-27BDBA2DFCA4}" type="presOf" srcId="{3C63CF14-15E0-4A52-978C-E2775CF2F6D6}" destId="{35D7121D-85F0-4E7F-8752-D7A676C355D2}" srcOrd="0" destOrd="0" presId="urn:microsoft.com/office/officeart/2005/8/layout/cycle2"/>
    <dgm:cxn modelId="{B1F9C5ED-6791-4F04-BD6C-814517317E0E}" type="presOf" srcId="{BF939773-B5F9-4E03-9EFA-BBCEFB7C3AC3}" destId="{733E0EF0-1FA0-4F94-BEE8-461B892C9F99}" srcOrd="0" destOrd="0" presId="urn:microsoft.com/office/officeart/2005/8/layout/cycle2"/>
    <dgm:cxn modelId="{B4DD49EF-E2BD-4A49-A804-AD7B18127F91}" type="presOf" srcId="{A59AA7F0-56E4-41B2-8EEA-61E33CC5C7E6}" destId="{5A3D895A-10C8-458C-9A06-08B816232134}" srcOrd="1" destOrd="0" presId="urn:microsoft.com/office/officeart/2005/8/layout/cycle2"/>
    <dgm:cxn modelId="{C65E01F0-2324-4829-8660-4FF6E71A7776}" srcId="{B118A677-901D-4501-89DF-79ABF8D3935B}" destId="{B9A85ABC-BBC6-46A8-8A84-DAAF96A6B413}" srcOrd="2" destOrd="0" parTransId="{0297952C-63E2-4E14-A356-02FC186317FC}" sibTransId="{241DB423-7F03-4333-9915-C66C510039B0}"/>
    <dgm:cxn modelId="{91DC0FF3-110F-436D-A109-EA85EB588E98}" srcId="{B118A677-901D-4501-89DF-79ABF8D3935B}" destId="{C410CF56-CB2E-43DC-8718-2B18E6D79976}" srcOrd="3" destOrd="0" parTransId="{190972F5-28D8-411D-8015-9EE8551338ED}" sibTransId="{3DF8F1EB-5EFB-49B9-8F74-94F5F87720E8}"/>
    <dgm:cxn modelId="{B52451FF-4DC3-4D0F-A3ED-F5A79F66F50E}" type="presOf" srcId="{B2F803B2-7362-44B8-B917-A82A9F5C7045}" destId="{EFB7B187-C31B-40AD-BE1E-5BA7F7DB24E7}" srcOrd="0" destOrd="0" presId="urn:microsoft.com/office/officeart/2005/8/layout/cycle2"/>
    <dgm:cxn modelId="{8D081AEF-C443-4F2B-A3BE-DCD2C2C83DCE}" type="presParOf" srcId="{C75CA068-B8FA-4E41-AF5E-5E9C35B970CF}" destId="{82208B9D-5B84-4A53-8BD1-061C482929AE}" srcOrd="0" destOrd="0" presId="urn:microsoft.com/office/officeart/2005/8/layout/cycle2"/>
    <dgm:cxn modelId="{1BC1A167-5E62-459F-8DBB-55EADF82A18C}" type="presParOf" srcId="{C75CA068-B8FA-4E41-AF5E-5E9C35B970CF}" destId="{E8FAE9D3-1392-4DA1-84B6-4CCB220C3BB8}" srcOrd="1" destOrd="0" presId="urn:microsoft.com/office/officeart/2005/8/layout/cycle2"/>
    <dgm:cxn modelId="{4A58E40A-77DF-47D8-A1DD-557D58F5CB02}" type="presParOf" srcId="{E8FAE9D3-1392-4DA1-84B6-4CCB220C3BB8}" destId="{B57CADB5-1B31-4D16-A024-FBA616362696}" srcOrd="0" destOrd="0" presId="urn:microsoft.com/office/officeart/2005/8/layout/cycle2"/>
    <dgm:cxn modelId="{443DF7F9-1F96-424A-8410-6FA815CBF22C}" type="presParOf" srcId="{C75CA068-B8FA-4E41-AF5E-5E9C35B970CF}" destId="{4209AC67-8E4C-4312-AD4A-E7747A1C1EDB}" srcOrd="2" destOrd="0" presId="urn:microsoft.com/office/officeart/2005/8/layout/cycle2"/>
    <dgm:cxn modelId="{71EC4D1B-5E19-41E4-AE1A-D9E0F2A1AC14}" type="presParOf" srcId="{C75CA068-B8FA-4E41-AF5E-5E9C35B970CF}" destId="{733E0EF0-1FA0-4F94-BEE8-461B892C9F99}" srcOrd="3" destOrd="0" presId="urn:microsoft.com/office/officeart/2005/8/layout/cycle2"/>
    <dgm:cxn modelId="{16BC9025-2225-4CDB-AE00-26D5AC616F3B}" type="presParOf" srcId="{733E0EF0-1FA0-4F94-BEE8-461B892C9F99}" destId="{7FF60AB9-00AF-4E96-8BA7-037BD5C7E5A3}" srcOrd="0" destOrd="0" presId="urn:microsoft.com/office/officeart/2005/8/layout/cycle2"/>
    <dgm:cxn modelId="{FDB860C3-DADB-4305-AB62-6A3BE6A9AC11}" type="presParOf" srcId="{C75CA068-B8FA-4E41-AF5E-5E9C35B970CF}" destId="{3D28F87A-A54F-4F9E-93D0-051E140E9CB8}" srcOrd="4" destOrd="0" presId="urn:microsoft.com/office/officeart/2005/8/layout/cycle2"/>
    <dgm:cxn modelId="{94DE3202-2104-4713-A3A8-8592083EC695}" type="presParOf" srcId="{C75CA068-B8FA-4E41-AF5E-5E9C35B970CF}" destId="{222EE20C-312F-49E9-A1FD-0D95FA7C24E1}" srcOrd="5" destOrd="0" presId="urn:microsoft.com/office/officeart/2005/8/layout/cycle2"/>
    <dgm:cxn modelId="{7CD3866B-E6A8-4B1A-AE9E-623A83E9936A}" type="presParOf" srcId="{222EE20C-312F-49E9-A1FD-0D95FA7C24E1}" destId="{DDAA37DD-516F-48B4-9C36-1122FAAD53FD}" srcOrd="0" destOrd="0" presId="urn:microsoft.com/office/officeart/2005/8/layout/cycle2"/>
    <dgm:cxn modelId="{2E13FDA4-91BE-4BC0-B542-E4B9F27B6F6D}" type="presParOf" srcId="{C75CA068-B8FA-4E41-AF5E-5E9C35B970CF}" destId="{9E72C8EC-FC87-45A1-81BD-5C62AFED15E0}" srcOrd="6" destOrd="0" presId="urn:microsoft.com/office/officeart/2005/8/layout/cycle2"/>
    <dgm:cxn modelId="{FF664032-3501-441B-A980-B680C019890B}" type="presParOf" srcId="{C75CA068-B8FA-4E41-AF5E-5E9C35B970CF}" destId="{4172FDB8-FD75-44E6-B636-F169466EA6F2}" srcOrd="7" destOrd="0" presId="urn:microsoft.com/office/officeart/2005/8/layout/cycle2"/>
    <dgm:cxn modelId="{F8B48CBC-D701-4B6F-B136-C2AD926A5D92}" type="presParOf" srcId="{4172FDB8-FD75-44E6-B636-F169466EA6F2}" destId="{17467B67-A001-4B8A-B8DA-78DC25A04957}" srcOrd="0" destOrd="0" presId="urn:microsoft.com/office/officeart/2005/8/layout/cycle2"/>
    <dgm:cxn modelId="{AFDB771F-83A1-4F4E-94AE-26FE8B54590B}" type="presParOf" srcId="{C75CA068-B8FA-4E41-AF5E-5E9C35B970CF}" destId="{C5FBF30B-7429-4704-90D2-4454965FD314}" srcOrd="8" destOrd="0" presId="urn:microsoft.com/office/officeart/2005/8/layout/cycle2"/>
    <dgm:cxn modelId="{DDF3DEFE-C044-4BC5-B9A8-DBB0DFE2092B}" type="presParOf" srcId="{C75CA068-B8FA-4E41-AF5E-5E9C35B970CF}" destId="{9BDCB39E-9B45-4116-ADAB-0FEE6C6B1C4B}" srcOrd="9" destOrd="0" presId="urn:microsoft.com/office/officeart/2005/8/layout/cycle2"/>
    <dgm:cxn modelId="{C4EB160D-46A1-4B4D-AA4C-9F77206057B3}" type="presParOf" srcId="{9BDCB39E-9B45-4116-ADAB-0FEE6C6B1C4B}" destId="{D128A369-76A0-4D4D-835F-808E2E70F7D2}" srcOrd="0" destOrd="0" presId="urn:microsoft.com/office/officeart/2005/8/layout/cycle2"/>
    <dgm:cxn modelId="{4BA6910B-0A98-4E6B-B908-A70E2B962093}" type="presParOf" srcId="{C75CA068-B8FA-4E41-AF5E-5E9C35B970CF}" destId="{72DBBB8A-A9D2-4A5B-A5A3-76FDD3B65AE9}" srcOrd="10" destOrd="0" presId="urn:microsoft.com/office/officeart/2005/8/layout/cycle2"/>
    <dgm:cxn modelId="{A1E02D38-E229-4F55-98A7-06C1F61C4200}" type="presParOf" srcId="{C75CA068-B8FA-4E41-AF5E-5E9C35B970CF}" destId="{5C8BDD24-6C65-47C3-86C6-768CD8448650}" srcOrd="11" destOrd="0" presId="urn:microsoft.com/office/officeart/2005/8/layout/cycle2"/>
    <dgm:cxn modelId="{FA75B905-9B4D-4E45-8A27-772B86CF68B2}" type="presParOf" srcId="{5C8BDD24-6C65-47C3-86C6-768CD8448650}" destId="{9591738F-221A-46C9-9612-3024E355C661}" srcOrd="0" destOrd="0" presId="urn:microsoft.com/office/officeart/2005/8/layout/cycle2"/>
    <dgm:cxn modelId="{ECA79A72-C194-4C52-BDAD-B95471163FDD}" type="presParOf" srcId="{C75CA068-B8FA-4E41-AF5E-5E9C35B970CF}" destId="{35D7121D-85F0-4E7F-8752-D7A676C355D2}" srcOrd="12" destOrd="0" presId="urn:microsoft.com/office/officeart/2005/8/layout/cycle2"/>
    <dgm:cxn modelId="{B57F1AC5-6C2B-4A95-9858-8D7F0780ADB3}" type="presParOf" srcId="{C75CA068-B8FA-4E41-AF5E-5E9C35B970CF}" destId="{3A8E9418-1B85-41DA-A8B4-76F2AEC9B2DE}" srcOrd="13" destOrd="0" presId="urn:microsoft.com/office/officeart/2005/8/layout/cycle2"/>
    <dgm:cxn modelId="{1025F85C-3C48-4AA4-B742-8FBFF1DB4C84}" type="presParOf" srcId="{3A8E9418-1B85-41DA-A8B4-76F2AEC9B2DE}" destId="{5A3D895A-10C8-458C-9A06-08B816232134}" srcOrd="0" destOrd="0" presId="urn:microsoft.com/office/officeart/2005/8/layout/cycle2"/>
    <dgm:cxn modelId="{39DB532B-4F29-41E2-A709-697B4F966F87}" type="presParOf" srcId="{C75CA068-B8FA-4E41-AF5E-5E9C35B970CF}" destId="{1A417AE2-7DCE-4A5B-AA84-E44756AEBA25}" srcOrd="14" destOrd="0" presId="urn:microsoft.com/office/officeart/2005/8/layout/cycle2"/>
    <dgm:cxn modelId="{3F10AFBA-5A45-401B-860B-00881AD831D1}" type="presParOf" srcId="{C75CA068-B8FA-4E41-AF5E-5E9C35B970CF}" destId="{7DA4E6F5-5F82-4992-89FB-9A13017CE0DB}" srcOrd="15" destOrd="0" presId="urn:microsoft.com/office/officeart/2005/8/layout/cycle2"/>
    <dgm:cxn modelId="{2AB126A4-4BCB-477A-B91F-DA65ADD765DD}" type="presParOf" srcId="{7DA4E6F5-5F82-4992-89FB-9A13017CE0DB}" destId="{627745EE-3BBA-4490-8B73-15AA4EE90DE8}" srcOrd="0" destOrd="0" presId="urn:microsoft.com/office/officeart/2005/8/layout/cycle2"/>
    <dgm:cxn modelId="{5D3907F2-1F91-44D7-9550-2348D8B32F65}" type="presParOf" srcId="{C75CA068-B8FA-4E41-AF5E-5E9C35B970CF}" destId="{CDB41F4F-688C-4490-B89A-F947556A62B7}" srcOrd="16" destOrd="0" presId="urn:microsoft.com/office/officeart/2005/8/layout/cycle2"/>
    <dgm:cxn modelId="{A88536CB-FDB0-42E7-BCB5-6BFC1D745E22}" type="presParOf" srcId="{C75CA068-B8FA-4E41-AF5E-5E9C35B970CF}" destId="{EFB7B187-C31B-40AD-BE1E-5BA7F7DB24E7}" srcOrd="17" destOrd="0" presId="urn:microsoft.com/office/officeart/2005/8/layout/cycle2"/>
    <dgm:cxn modelId="{B837ACAC-24CF-43A7-884B-FCA928A46498}" type="presParOf" srcId="{EFB7B187-C31B-40AD-BE1E-5BA7F7DB24E7}" destId="{D1598D26-F537-4878-977E-1292BAB1AC8C}" srcOrd="0" destOrd="0" presId="urn:microsoft.com/office/officeart/2005/8/layout/cycle2"/>
    <dgm:cxn modelId="{EEC3011F-3FE4-41E6-B627-069E851C0B52}" type="presParOf" srcId="{C75CA068-B8FA-4E41-AF5E-5E9C35B970CF}" destId="{34E71618-BC08-4DDB-8255-A70153FCCC66}" srcOrd="18" destOrd="0" presId="urn:microsoft.com/office/officeart/2005/8/layout/cycle2"/>
    <dgm:cxn modelId="{ABB5EA70-E4A6-4B61-AF79-63EAD5406AAB}" type="presParOf" srcId="{C75CA068-B8FA-4E41-AF5E-5E9C35B970CF}" destId="{837037DB-FD11-48C1-8969-B6A62613B709}" srcOrd="19" destOrd="0" presId="urn:microsoft.com/office/officeart/2005/8/layout/cycle2"/>
    <dgm:cxn modelId="{DF62338A-7A9B-49A3-8DF4-DE72671CE66D}" type="presParOf" srcId="{837037DB-FD11-48C1-8969-B6A62613B709}" destId="{4AE07AC6-7BCC-4259-9258-302018F09847}" srcOrd="0" destOrd="0" presId="urn:microsoft.com/office/officeart/2005/8/layout/cycle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9567D971-7207-40DE-8CE4-A0A20534CBD0}"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US"/>
        </a:p>
      </dgm:t>
    </dgm:pt>
    <dgm:pt modelId="{3AD524C8-6450-4EDB-A668-14276E2D1A94}">
      <dgm:prSet phldrT="[Text]" custT="1"/>
      <dgm:spPr/>
      <dgm:t>
        <a:bodyPr/>
        <a:lstStyle/>
        <a:p>
          <a:r>
            <a:rPr lang="en-US" sz="1400" b="1" dirty="0">
              <a:ln>
                <a:noFill/>
              </a:ln>
              <a:solidFill>
                <a:sysClr val="windowText" lastClr="000000"/>
              </a:solidFill>
            </a:rPr>
            <a:t>Functional &amp; Useful M&amp;E System</a:t>
          </a:r>
          <a:endParaRPr lang="en-US" sz="1400" dirty="0">
            <a:ln>
              <a:noFill/>
            </a:ln>
            <a:solidFill>
              <a:sysClr val="windowText" lastClr="000000"/>
            </a:solidFill>
          </a:endParaRPr>
        </a:p>
      </dgm:t>
    </dgm:pt>
    <dgm:pt modelId="{9FE45587-6D36-448F-BC1F-4500CBC0A054}" type="parTrans" cxnId="{3BAE5F3C-EF71-4562-AF71-EC9258A4356A}">
      <dgm:prSet/>
      <dgm:spPr/>
      <dgm:t>
        <a:bodyPr/>
        <a:lstStyle/>
        <a:p>
          <a:endParaRPr lang="en-US" sz="1400">
            <a:ln>
              <a:noFill/>
            </a:ln>
            <a:solidFill>
              <a:sysClr val="windowText" lastClr="000000"/>
            </a:solidFill>
          </a:endParaRPr>
        </a:p>
      </dgm:t>
    </dgm:pt>
    <dgm:pt modelId="{24F4F9FD-15D5-4E2F-B5DA-63B50B1F0DD1}" type="sibTrans" cxnId="{3BAE5F3C-EF71-4562-AF71-EC9258A4356A}">
      <dgm:prSet/>
      <dgm:spPr/>
      <dgm:t>
        <a:bodyPr/>
        <a:lstStyle/>
        <a:p>
          <a:endParaRPr lang="en-US" sz="1400">
            <a:ln>
              <a:noFill/>
            </a:ln>
            <a:solidFill>
              <a:sysClr val="windowText" lastClr="000000"/>
            </a:solidFill>
          </a:endParaRPr>
        </a:p>
      </dgm:t>
    </dgm:pt>
    <dgm:pt modelId="{A30E6A28-DBD8-435F-BF5E-F3B604A5F5A3}">
      <dgm:prSet phldrT="[Text]" custT="1"/>
      <dgm:spPr>
        <a:solidFill>
          <a:schemeClr val="accent2"/>
        </a:solidFill>
      </dgm:spPr>
      <dgm:t>
        <a:bodyPr/>
        <a:lstStyle/>
        <a:p>
          <a:r>
            <a:rPr lang="en-US" sz="1400" dirty="0">
              <a:ln>
                <a:noFill/>
              </a:ln>
              <a:solidFill>
                <a:sysClr val="windowText" lastClr="000000"/>
              </a:solidFill>
            </a:rPr>
            <a:t>1. Data Demand</a:t>
          </a:r>
        </a:p>
      </dgm:t>
    </dgm:pt>
    <dgm:pt modelId="{13EBBFC6-55A6-4FEF-BF00-2533489F5D0C}" type="parTrans" cxnId="{8BE806D8-309D-48B6-ACD8-C460F12FA534}">
      <dgm:prSet/>
      <dgm:spPr/>
      <dgm:t>
        <a:bodyPr/>
        <a:lstStyle/>
        <a:p>
          <a:endParaRPr lang="en-US" sz="1400">
            <a:ln>
              <a:noFill/>
            </a:ln>
            <a:solidFill>
              <a:sysClr val="windowText" lastClr="000000"/>
            </a:solidFill>
          </a:endParaRPr>
        </a:p>
      </dgm:t>
    </dgm:pt>
    <dgm:pt modelId="{15F5780F-C5A7-4B9F-A844-F79BC227DECD}" type="sibTrans" cxnId="{8BE806D8-309D-48B6-ACD8-C460F12FA534}">
      <dgm:prSet/>
      <dgm:spPr/>
      <dgm:t>
        <a:bodyPr/>
        <a:lstStyle/>
        <a:p>
          <a:endParaRPr lang="en-US" sz="1400">
            <a:ln>
              <a:noFill/>
            </a:ln>
            <a:solidFill>
              <a:sysClr val="windowText" lastClr="000000"/>
            </a:solidFill>
          </a:endParaRPr>
        </a:p>
      </dgm:t>
    </dgm:pt>
    <dgm:pt modelId="{26AD6EC9-93F9-4AD9-A99A-6BC261C6A722}">
      <dgm:prSet phldrT="[Text]" custT="1"/>
      <dgm:spPr/>
      <dgm:t>
        <a:bodyPr/>
        <a:lstStyle/>
        <a:p>
          <a:pPr algn="ctr"/>
          <a:r>
            <a:rPr lang="en-US" sz="1400" b="1" dirty="0">
              <a:ln>
                <a:noFill/>
              </a:ln>
              <a:solidFill>
                <a:sysClr val="windowText" lastClr="000000"/>
              </a:solidFill>
            </a:rPr>
            <a:t>Objective: </a:t>
          </a:r>
          <a:endParaRPr lang="en-US" sz="1400" dirty="0">
            <a:ln>
              <a:noFill/>
            </a:ln>
            <a:solidFill>
              <a:sysClr val="windowText" lastClr="000000"/>
            </a:solidFill>
          </a:endParaRPr>
        </a:p>
      </dgm:t>
    </dgm:pt>
    <dgm:pt modelId="{0B985CA1-1A72-40BA-A55D-6DDADD7BF185}" type="parTrans" cxnId="{A50D5500-60E7-4741-9525-1F4E789A0791}">
      <dgm:prSet/>
      <dgm:spPr/>
      <dgm:t>
        <a:bodyPr/>
        <a:lstStyle/>
        <a:p>
          <a:endParaRPr lang="en-US" sz="1400">
            <a:ln>
              <a:noFill/>
            </a:ln>
            <a:solidFill>
              <a:sysClr val="windowText" lastClr="000000"/>
            </a:solidFill>
          </a:endParaRPr>
        </a:p>
      </dgm:t>
    </dgm:pt>
    <dgm:pt modelId="{510E31D6-3364-465F-A977-77BAABA85972}" type="sibTrans" cxnId="{A50D5500-60E7-4741-9525-1F4E789A0791}">
      <dgm:prSet/>
      <dgm:spPr/>
      <dgm:t>
        <a:bodyPr/>
        <a:lstStyle/>
        <a:p>
          <a:endParaRPr lang="en-US" sz="1400">
            <a:ln>
              <a:noFill/>
            </a:ln>
            <a:solidFill>
              <a:sysClr val="windowText" lastClr="000000"/>
            </a:solidFill>
          </a:endParaRPr>
        </a:p>
      </dgm:t>
    </dgm:pt>
    <dgm:pt modelId="{BF1956AC-682C-46D5-9A55-8676D57D0328}">
      <dgm:prSet phldrT="[Text]" custT="1"/>
      <dgm:spPr>
        <a:solidFill>
          <a:schemeClr val="accent2"/>
        </a:solidFill>
      </dgm:spPr>
      <dgm:t>
        <a:bodyPr/>
        <a:lstStyle/>
        <a:p>
          <a:pPr algn="ctr"/>
          <a:r>
            <a:rPr lang="en-US" sz="1400" dirty="0">
              <a:ln>
                <a:noFill/>
              </a:ln>
              <a:solidFill>
                <a:sysClr val="windowText" lastClr="000000"/>
              </a:solidFill>
            </a:rPr>
            <a:t>Outcomes:</a:t>
          </a:r>
        </a:p>
      </dgm:t>
    </dgm:pt>
    <dgm:pt modelId="{9C3079A6-69F9-4E41-A8C6-E179594383C5}" type="parTrans" cxnId="{24BD031B-A2D4-4373-82E2-AD14068B67A3}">
      <dgm:prSet/>
      <dgm:spPr/>
      <dgm:t>
        <a:bodyPr/>
        <a:lstStyle/>
        <a:p>
          <a:endParaRPr lang="en-US" sz="1400">
            <a:ln>
              <a:noFill/>
            </a:ln>
            <a:solidFill>
              <a:sysClr val="windowText" lastClr="000000"/>
            </a:solidFill>
          </a:endParaRPr>
        </a:p>
      </dgm:t>
    </dgm:pt>
    <dgm:pt modelId="{E2F6E39D-37CD-43F5-8497-DD17F9483526}" type="sibTrans" cxnId="{24BD031B-A2D4-4373-82E2-AD14068B67A3}">
      <dgm:prSet/>
      <dgm:spPr/>
      <dgm:t>
        <a:bodyPr/>
        <a:lstStyle/>
        <a:p>
          <a:endParaRPr lang="en-US" sz="1400">
            <a:ln>
              <a:noFill/>
            </a:ln>
            <a:solidFill>
              <a:sysClr val="windowText" lastClr="000000"/>
            </a:solidFill>
          </a:endParaRPr>
        </a:p>
      </dgm:t>
    </dgm:pt>
    <dgm:pt modelId="{3E2449B9-B1EA-4A56-921A-85B91721E4AE}">
      <dgm:prSet phldrT="[Text]" custT="1"/>
      <dgm:spPr>
        <a:solidFill>
          <a:schemeClr val="accent2"/>
        </a:solidFill>
      </dgm:spPr>
      <dgm:t>
        <a:bodyPr/>
        <a:lstStyle/>
        <a:p>
          <a:r>
            <a:rPr lang="en-US" sz="1400" dirty="0">
              <a:ln>
                <a:noFill/>
              </a:ln>
              <a:solidFill>
                <a:sysClr val="windowText" lastClr="000000"/>
              </a:solidFill>
            </a:rPr>
            <a:t>5. Administer M&amp;E Activities</a:t>
          </a:r>
        </a:p>
      </dgm:t>
    </dgm:pt>
    <dgm:pt modelId="{31BBFF02-81B5-4143-93BD-8B52410468DF}" type="parTrans" cxnId="{DB4DB783-2AF6-417E-A82E-7D16903347DE}">
      <dgm:prSet/>
      <dgm:spPr/>
      <dgm:t>
        <a:bodyPr/>
        <a:lstStyle/>
        <a:p>
          <a:endParaRPr lang="en-US" sz="1400">
            <a:ln>
              <a:noFill/>
            </a:ln>
            <a:solidFill>
              <a:sysClr val="windowText" lastClr="000000"/>
            </a:solidFill>
          </a:endParaRPr>
        </a:p>
      </dgm:t>
    </dgm:pt>
    <dgm:pt modelId="{79034042-E6E2-4FB6-A1DC-9F58F54D71A7}" type="sibTrans" cxnId="{DB4DB783-2AF6-417E-A82E-7D16903347DE}">
      <dgm:prSet/>
      <dgm:spPr/>
      <dgm:t>
        <a:bodyPr/>
        <a:lstStyle/>
        <a:p>
          <a:endParaRPr lang="en-US" sz="1400">
            <a:ln>
              <a:noFill/>
            </a:ln>
            <a:solidFill>
              <a:sysClr val="windowText" lastClr="000000"/>
            </a:solidFill>
          </a:endParaRPr>
        </a:p>
      </dgm:t>
    </dgm:pt>
    <dgm:pt modelId="{213E6ACA-5522-46BA-A2C9-6DD292D670D8}">
      <dgm:prSet phldrT="[Text]" custT="1"/>
      <dgm:spPr>
        <a:solidFill>
          <a:schemeClr val="accent2"/>
        </a:solidFill>
      </dgm:spPr>
      <dgm:t>
        <a:bodyPr/>
        <a:lstStyle/>
        <a:p>
          <a:r>
            <a:rPr lang="en-US" sz="1400" dirty="0">
              <a:ln>
                <a:noFill/>
              </a:ln>
              <a:solidFill>
                <a:sysClr val="windowText" lastClr="000000"/>
              </a:solidFill>
            </a:rPr>
            <a:t>2. Data Collection,  Processing, Management</a:t>
          </a:r>
        </a:p>
      </dgm:t>
    </dgm:pt>
    <dgm:pt modelId="{945A9356-2F5D-46EC-9E0F-01D28729E1B3}" type="parTrans" cxnId="{8364A520-5AB5-4334-94AD-2CD3ACEB27FC}">
      <dgm:prSet/>
      <dgm:spPr/>
      <dgm:t>
        <a:bodyPr/>
        <a:lstStyle/>
        <a:p>
          <a:endParaRPr lang="en-US" sz="1400">
            <a:ln>
              <a:noFill/>
            </a:ln>
            <a:solidFill>
              <a:sysClr val="windowText" lastClr="000000"/>
            </a:solidFill>
          </a:endParaRPr>
        </a:p>
      </dgm:t>
    </dgm:pt>
    <dgm:pt modelId="{9F7E137F-C539-48B6-BD7E-E595F8DC7B68}" type="sibTrans" cxnId="{8364A520-5AB5-4334-94AD-2CD3ACEB27FC}">
      <dgm:prSet/>
      <dgm:spPr/>
      <dgm:t>
        <a:bodyPr/>
        <a:lstStyle/>
        <a:p>
          <a:endParaRPr lang="en-US" sz="1400">
            <a:ln>
              <a:noFill/>
            </a:ln>
            <a:solidFill>
              <a:sysClr val="windowText" lastClr="000000"/>
            </a:solidFill>
          </a:endParaRPr>
        </a:p>
      </dgm:t>
    </dgm:pt>
    <dgm:pt modelId="{753BA08F-F460-4B7E-885D-3B9F5A196814}">
      <dgm:prSet phldrT="[Text]" custT="1"/>
      <dgm:spPr>
        <a:solidFill>
          <a:schemeClr val="accent2"/>
        </a:solidFill>
      </dgm:spPr>
      <dgm:t>
        <a:bodyPr/>
        <a:lstStyle/>
        <a:p>
          <a:r>
            <a:rPr lang="en-US" sz="1400" dirty="0">
              <a:ln>
                <a:noFill/>
              </a:ln>
              <a:solidFill>
                <a:sysClr val="windowText" lastClr="000000"/>
              </a:solidFill>
            </a:rPr>
            <a:t>3. Information Availability</a:t>
          </a:r>
        </a:p>
      </dgm:t>
    </dgm:pt>
    <dgm:pt modelId="{C2ED1EC0-8204-4B1C-8008-09C739D39E9B}" type="parTrans" cxnId="{3BC7099F-1890-4752-A29A-7ECE75F3ACC8}">
      <dgm:prSet/>
      <dgm:spPr/>
      <dgm:t>
        <a:bodyPr/>
        <a:lstStyle/>
        <a:p>
          <a:endParaRPr lang="en-US" sz="1400">
            <a:ln>
              <a:noFill/>
            </a:ln>
            <a:solidFill>
              <a:sysClr val="windowText" lastClr="000000"/>
            </a:solidFill>
          </a:endParaRPr>
        </a:p>
      </dgm:t>
    </dgm:pt>
    <dgm:pt modelId="{BAA2CE5A-6A03-4864-A81A-2C3D5ACC9328}" type="sibTrans" cxnId="{3BC7099F-1890-4752-A29A-7ECE75F3ACC8}">
      <dgm:prSet/>
      <dgm:spPr/>
      <dgm:t>
        <a:bodyPr/>
        <a:lstStyle/>
        <a:p>
          <a:endParaRPr lang="en-US" sz="1400">
            <a:ln>
              <a:noFill/>
            </a:ln>
            <a:solidFill>
              <a:sysClr val="windowText" lastClr="000000"/>
            </a:solidFill>
          </a:endParaRPr>
        </a:p>
      </dgm:t>
    </dgm:pt>
    <dgm:pt modelId="{37A3CFE0-3871-4809-AA5C-4476BF7EFF78}">
      <dgm:prSet phldrT="[Text]" custT="1"/>
      <dgm:spPr>
        <a:solidFill>
          <a:schemeClr val="accent2"/>
        </a:solidFill>
      </dgm:spPr>
      <dgm:t>
        <a:bodyPr/>
        <a:lstStyle/>
        <a:p>
          <a:r>
            <a:rPr lang="en-US" sz="1400" dirty="0">
              <a:ln>
                <a:noFill/>
              </a:ln>
              <a:solidFill>
                <a:sysClr val="windowText" lastClr="000000"/>
              </a:solidFill>
            </a:rPr>
            <a:t>4. Information Use</a:t>
          </a:r>
        </a:p>
      </dgm:t>
    </dgm:pt>
    <dgm:pt modelId="{0140C3A0-931E-40F5-A0C0-9DACC55A6970}" type="parTrans" cxnId="{6BD81881-1DA8-4D41-8883-BDA756A1D042}">
      <dgm:prSet/>
      <dgm:spPr/>
      <dgm:t>
        <a:bodyPr/>
        <a:lstStyle/>
        <a:p>
          <a:endParaRPr lang="en-US" sz="1400">
            <a:ln>
              <a:noFill/>
            </a:ln>
            <a:solidFill>
              <a:sysClr val="windowText" lastClr="000000"/>
            </a:solidFill>
          </a:endParaRPr>
        </a:p>
      </dgm:t>
    </dgm:pt>
    <dgm:pt modelId="{C6409F56-DC9E-4A7F-85B9-67A5D434ED27}" type="sibTrans" cxnId="{6BD81881-1DA8-4D41-8883-BDA756A1D042}">
      <dgm:prSet/>
      <dgm:spPr/>
      <dgm:t>
        <a:bodyPr/>
        <a:lstStyle/>
        <a:p>
          <a:endParaRPr lang="en-US" sz="1400">
            <a:ln>
              <a:noFill/>
            </a:ln>
            <a:solidFill>
              <a:sysClr val="windowText" lastClr="000000"/>
            </a:solidFill>
          </a:endParaRPr>
        </a:p>
      </dgm:t>
    </dgm:pt>
    <dgm:pt modelId="{07FAF2FE-ED7A-450D-89F1-C8EF3EE1138B}" type="pres">
      <dgm:prSet presAssocID="{9567D971-7207-40DE-8CE4-A0A20534CBD0}" presName="mainComposite" presStyleCnt="0">
        <dgm:presLayoutVars>
          <dgm:chPref val="1"/>
          <dgm:dir/>
          <dgm:animOne val="branch"/>
          <dgm:animLvl val="lvl"/>
          <dgm:resizeHandles val="exact"/>
        </dgm:presLayoutVars>
      </dgm:prSet>
      <dgm:spPr/>
    </dgm:pt>
    <dgm:pt modelId="{1E303FE0-D4B4-4FC4-9396-9A15DF859061}" type="pres">
      <dgm:prSet presAssocID="{9567D971-7207-40DE-8CE4-A0A20534CBD0}" presName="hierFlow" presStyleCnt="0"/>
      <dgm:spPr/>
    </dgm:pt>
    <dgm:pt modelId="{B3B5D74B-8BF5-4EEA-9CD9-32EAB6CB9246}" type="pres">
      <dgm:prSet presAssocID="{9567D971-7207-40DE-8CE4-A0A20534CBD0}" presName="firstBuf" presStyleCnt="0"/>
      <dgm:spPr/>
    </dgm:pt>
    <dgm:pt modelId="{3589CE01-BB58-476C-8B16-AFFF9F44D365}" type="pres">
      <dgm:prSet presAssocID="{9567D971-7207-40DE-8CE4-A0A20534CBD0}" presName="hierChild1" presStyleCnt="0">
        <dgm:presLayoutVars>
          <dgm:chPref val="1"/>
          <dgm:animOne val="branch"/>
          <dgm:animLvl val="lvl"/>
        </dgm:presLayoutVars>
      </dgm:prSet>
      <dgm:spPr/>
    </dgm:pt>
    <dgm:pt modelId="{3592CE8E-2C3C-4D28-89CC-60309474635E}" type="pres">
      <dgm:prSet presAssocID="{3AD524C8-6450-4EDB-A668-14276E2D1A94}" presName="Name17" presStyleCnt="0"/>
      <dgm:spPr/>
    </dgm:pt>
    <dgm:pt modelId="{A20A70B0-9FDE-4579-9A85-88B02A2E608A}" type="pres">
      <dgm:prSet presAssocID="{3AD524C8-6450-4EDB-A668-14276E2D1A94}" presName="level1Shape" presStyleLbl="node0" presStyleIdx="0" presStyleCnt="1" custScaleX="131335" custLinFactNeighborX="3126">
        <dgm:presLayoutVars>
          <dgm:chPref val="3"/>
        </dgm:presLayoutVars>
      </dgm:prSet>
      <dgm:spPr/>
    </dgm:pt>
    <dgm:pt modelId="{8ACAE010-BD59-415E-A463-68261AEA84A6}" type="pres">
      <dgm:prSet presAssocID="{3AD524C8-6450-4EDB-A668-14276E2D1A94}" presName="hierChild2" presStyleCnt="0"/>
      <dgm:spPr/>
    </dgm:pt>
    <dgm:pt modelId="{FF4E8691-E350-43B3-9083-FEECBB2340A4}" type="pres">
      <dgm:prSet presAssocID="{13EBBFC6-55A6-4FEF-BF00-2533489F5D0C}" presName="Name25" presStyleLbl="parChTrans1D2" presStyleIdx="0" presStyleCnt="5"/>
      <dgm:spPr/>
    </dgm:pt>
    <dgm:pt modelId="{E047DAAD-669D-4544-8258-7EBFEED32419}" type="pres">
      <dgm:prSet presAssocID="{13EBBFC6-55A6-4FEF-BF00-2533489F5D0C}" presName="connTx" presStyleLbl="parChTrans1D2" presStyleIdx="0" presStyleCnt="5"/>
      <dgm:spPr/>
    </dgm:pt>
    <dgm:pt modelId="{29A43BA3-2070-475E-B314-E2BACD5F8512}" type="pres">
      <dgm:prSet presAssocID="{A30E6A28-DBD8-435F-BF5E-F3B604A5F5A3}" presName="Name30" presStyleCnt="0"/>
      <dgm:spPr/>
    </dgm:pt>
    <dgm:pt modelId="{8B3DDF95-FC0E-4373-B5A0-B87C85C7A039}" type="pres">
      <dgm:prSet presAssocID="{A30E6A28-DBD8-435F-BF5E-F3B604A5F5A3}" presName="level2Shape" presStyleLbl="node2" presStyleIdx="0" presStyleCnt="5" custScaleX="131335" custLinFactNeighborX="9378"/>
      <dgm:spPr/>
    </dgm:pt>
    <dgm:pt modelId="{1ED90FE6-0C3E-4893-BA34-2DD562AD8000}" type="pres">
      <dgm:prSet presAssocID="{A30E6A28-DBD8-435F-BF5E-F3B604A5F5A3}" presName="hierChild3" presStyleCnt="0"/>
      <dgm:spPr/>
    </dgm:pt>
    <dgm:pt modelId="{7478AFD0-B581-4ADB-876A-5D930E53F2A1}" type="pres">
      <dgm:prSet presAssocID="{945A9356-2F5D-46EC-9E0F-01D28729E1B3}" presName="Name25" presStyleLbl="parChTrans1D2" presStyleIdx="1" presStyleCnt="5"/>
      <dgm:spPr/>
    </dgm:pt>
    <dgm:pt modelId="{14BE46D2-B976-497E-9A5C-8BE6D1CC0146}" type="pres">
      <dgm:prSet presAssocID="{945A9356-2F5D-46EC-9E0F-01D28729E1B3}" presName="connTx" presStyleLbl="parChTrans1D2" presStyleIdx="1" presStyleCnt="5"/>
      <dgm:spPr/>
    </dgm:pt>
    <dgm:pt modelId="{7BE0FD57-D59E-4130-B2B1-E629577C3B87}" type="pres">
      <dgm:prSet presAssocID="{213E6ACA-5522-46BA-A2C9-6DD292D670D8}" presName="Name30" presStyleCnt="0"/>
      <dgm:spPr/>
    </dgm:pt>
    <dgm:pt modelId="{743F437C-4266-4108-8546-DA92D068993A}" type="pres">
      <dgm:prSet presAssocID="{213E6ACA-5522-46BA-A2C9-6DD292D670D8}" presName="level2Shape" presStyleLbl="node2" presStyleIdx="1" presStyleCnt="5" custScaleX="131335" custLinFactNeighborX="9378"/>
      <dgm:spPr/>
    </dgm:pt>
    <dgm:pt modelId="{2A633BFB-2E57-4B3A-981F-DDB7132FDB08}" type="pres">
      <dgm:prSet presAssocID="{213E6ACA-5522-46BA-A2C9-6DD292D670D8}" presName="hierChild3" presStyleCnt="0"/>
      <dgm:spPr/>
    </dgm:pt>
    <dgm:pt modelId="{23A7F13A-1775-4D8F-844E-4C3A76CDAC5B}" type="pres">
      <dgm:prSet presAssocID="{C2ED1EC0-8204-4B1C-8008-09C739D39E9B}" presName="Name25" presStyleLbl="parChTrans1D2" presStyleIdx="2" presStyleCnt="5"/>
      <dgm:spPr/>
    </dgm:pt>
    <dgm:pt modelId="{32F1CA72-1234-4151-B804-B909B743C8F7}" type="pres">
      <dgm:prSet presAssocID="{C2ED1EC0-8204-4B1C-8008-09C739D39E9B}" presName="connTx" presStyleLbl="parChTrans1D2" presStyleIdx="2" presStyleCnt="5"/>
      <dgm:spPr/>
    </dgm:pt>
    <dgm:pt modelId="{19C2E477-4FFD-496C-8ADF-FCC3CC0A8BCF}" type="pres">
      <dgm:prSet presAssocID="{753BA08F-F460-4B7E-885D-3B9F5A196814}" presName="Name30" presStyleCnt="0"/>
      <dgm:spPr/>
    </dgm:pt>
    <dgm:pt modelId="{359DA775-31E6-4460-81E4-2ED2A585CC24}" type="pres">
      <dgm:prSet presAssocID="{753BA08F-F460-4B7E-885D-3B9F5A196814}" presName="level2Shape" presStyleLbl="node2" presStyleIdx="2" presStyleCnt="5" custScaleX="131335" custLinFactNeighborX="9378"/>
      <dgm:spPr/>
    </dgm:pt>
    <dgm:pt modelId="{3BF99A57-69DB-4D04-B931-E8BB100A835E}" type="pres">
      <dgm:prSet presAssocID="{753BA08F-F460-4B7E-885D-3B9F5A196814}" presName="hierChild3" presStyleCnt="0"/>
      <dgm:spPr/>
    </dgm:pt>
    <dgm:pt modelId="{B19B6641-C57C-4094-86BB-60F65D018E15}" type="pres">
      <dgm:prSet presAssocID="{0140C3A0-931E-40F5-A0C0-9DACC55A6970}" presName="Name25" presStyleLbl="parChTrans1D2" presStyleIdx="3" presStyleCnt="5"/>
      <dgm:spPr/>
    </dgm:pt>
    <dgm:pt modelId="{9DD577F2-D76C-48D5-A2F1-B66341076A47}" type="pres">
      <dgm:prSet presAssocID="{0140C3A0-931E-40F5-A0C0-9DACC55A6970}" presName="connTx" presStyleLbl="parChTrans1D2" presStyleIdx="3" presStyleCnt="5"/>
      <dgm:spPr/>
    </dgm:pt>
    <dgm:pt modelId="{1CDFB42F-2C5F-4D87-877B-112CC6C7C462}" type="pres">
      <dgm:prSet presAssocID="{37A3CFE0-3871-4809-AA5C-4476BF7EFF78}" presName="Name30" presStyleCnt="0"/>
      <dgm:spPr/>
    </dgm:pt>
    <dgm:pt modelId="{664546CA-B3A7-4293-B38E-E812B13A4847}" type="pres">
      <dgm:prSet presAssocID="{37A3CFE0-3871-4809-AA5C-4476BF7EFF78}" presName="level2Shape" presStyleLbl="node2" presStyleIdx="3" presStyleCnt="5" custScaleX="131335" custLinFactNeighborX="9378"/>
      <dgm:spPr/>
    </dgm:pt>
    <dgm:pt modelId="{7BBDE53F-E5BD-4DFF-9B89-8560D4D4D034}" type="pres">
      <dgm:prSet presAssocID="{37A3CFE0-3871-4809-AA5C-4476BF7EFF78}" presName="hierChild3" presStyleCnt="0"/>
      <dgm:spPr/>
    </dgm:pt>
    <dgm:pt modelId="{DBA7C561-2618-4FE5-90B6-A993EEB1077D}" type="pres">
      <dgm:prSet presAssocID="{31BBFF02-81B5-4143-93BD-8B52410468DF}" presName="Name25" presStyleLbl="parChTrans1D2" presStyleIdx="4" presStyleCnt="5"/>
      <dgm:spPr/>
    </dgm:pt>
    <dgm:pt modelId="{403BF905-4DD4-4817-BC84-F1291F009218}" type="pres">
      <dgm:prSet presAssocID="{31BBFF02-81B5-4143-93BD-8B52410468DF}" presName="connTx" presStyleLbl="parChTrans1D2" presStyleIdx="4" presStyleCnt="5"/>
      <dgm:spPr/>
    </dgm:pt>
    <dgm:pt modelId="{8AFD8C92-9E30-427B-BDD0-AF6327BA081D}" type="pres">
      <dgm:prSet presAssocID="{3E2449B9-B1EA-4A56-921A-85B91721E4AE}" presName="Name30" presStyleCnt="0"/>
      <dgm:spPr/>
    </dgm:pt>
    <dgm:pt modelId="{E15B6777-549E-4BDC-90CE-3F57DDBD6452}" type="pres">
      <dgm:prSet presAssocID="{3E2449B9-B1EA-4A56-921A-85B91721E4AE}" presName="level2Shape" presStyleLbl="node2" presStyleIdx="4" presStyleCnt="5" custScaleX="131335" custLinFactNeighborX="9378"/>
      <dgm:spPr/>
    </dgm:pt>
    <dgm:pt modelId="{7E113C1A-BC9F-4F83-9586-AE92B440BBB7}" type="pres">
      <dgm:prSet presAssocID="{3E2449B9-B1EA-4A56-921A-85B91721E4AE}" presName="hierChild3" presStyleCnt="0"/>
      <dgm:spPr/>
    </dgm:pt>
    <dgm:pt modelId="{F59B68D2-EFC1-4B68-AB8F-E5642A117B35}" type="pres">
      <dgm:prSet presAssocID="{9567D971-7207-40DE-8CE4-A0A20534CBD0}" presName="bgShapesFlow" presStyleCnt="0"/>
      <dgm:spPr/>
    </dgm:pt>
    <dgm:pt modelId="{FAD940DD-C7D9-4E7B-8203-3CBE7395EDAA}" type="pres">
      <dgm:prSet presAssocID="{26AD6EC9-93F9-4AD9-A99A-6BC261C6A722}" presName="rectComp" presStyleCnt="0"/>
      <dgm:spPr/>
    </dgm:pt>
    <dgm:pt modelId="{13418BFB-9BC6-43E7-B451-A2DFE3D84DD6}" type="pres">
      <dgm:prSet presAssocID="{26AD6EC9-93F9-4AD9-A99A-6BC261C6A722}" presName="bgRect" presStyleLbl="bgShp" presStyleIdx="0" presStyleCnt="2" custScaleX="131335"/>
      <dgm:spPr/>
    </dgm:pt>
    <dgm:pt modelId="{9C34A67C-ADD4-4FCD-8460-AB259779EFB8}" type="pres">
      <dgm:prSet presAssocID="{26AD6EC9-93F9-4AD9-A99A-6BC261C6A722}" presName="bgRectTx" presStyleLbl="bgShp" presStyleIdx="0" presStyleCnt="2">
        <dgm:presLayoutVars>
          <dgm:bulletEnabled val="1"/>
        </dgm:presLayoutVars>
      </dgm:prSet>
      <dgm:spPr/>
    </dgm:pt>
    <dgm:pt modelId="{8B27A0C3-40B6-4F3D-82F4-D885B0643BBE}" type="pres">
      <dgm:prSet presAssocID="{26AD6EC9-93F9-4AD9-A99A-6BC261C6A722}" presName="spComp" presStyleCnt="0"/>
      <dgm:spPr/>
    </dgm:pt>
    <dgm:pt modelId="{AC273CC2-AE1C-4871-A41F-00F2ED07D5C6}" type="pres">
      <dgm:prSet presAssocID="{26AD6EC9-93F9-4AD9-A99A-6BC261C6A722}" presName="hSp" presStyleCnt="0"/>
      <dgm:spPr/>
    </dgm:pt>
    <dgm:pt modelId="{4D3686F3-0D06-4F74-B2F2-F37BEF018B4C}" type="pres">
      <dgm:prSet presAssocID="{BF1956AC-682C-46D5-9A55-8676D57D0328}" presName="rectComp" presStyleCnt="0"/>
      <dgm:spPr/>
    </dgm:pt>
    <dgm:pt modelId="{22884A2A-8E53-4112-9DE3-DE230261DD52}" type="pres">
      <dgm:prSet presAssocID="{BF1956AC-682C-46D5-9A55-8676D57D0328}" presName="bgRect" presStyleLbl="bgShp" presStyleIdx="1" presStyleCnt="2" custScaleX="131335"/>
      <dgm:spPr/>
    </dgm:pt>
    <dgm:pt modelId="{2B00CA1F-B182-4729-B0E1-95782A2EFF6F}" type="pres">
      <dgm:prSet presAssocID="{BF1956AC-682C-46D5-9A55-8676D57D0328}" presName="bgRectTx" presStyleLbl="bgShp" presStyleIdx="1" presStyleCnt="2">
        <dgm:presLayoutVars>
          <dgm:bulletEnabled val="1"/>
        </dgm:presLayoutVars>
      </dgm:prSet>
      <dgm:spPr/>
    </dgm:pt>
  </dgm:ptLst>
  <dgm:cxnLst>
    <dgm:cxn modelId="{A50D5500-60E7-4741-9525-1F4E789A0791}" srcId="{9567D971-7207-40DE-8CE4-A0A20534CBD0}" destId="{26AD6EC9-93F9-4AD9-A99A-6BC261C6A722}" srcOrd="1" destOrd="0" parTransId="{0B985CA1-1A72-40BA-A55D-6DDADD7BF185}" sibTransId="{510E31D6-3364-465F-A977-77BAABA85972}"/>
    <dgm:cxn modelId="{54E88702-4990-443C-B34A-8018B2342421}" type="presOf" srcId="{C2ED1EC0-8204-4B1C-8008-09C739D39E9B}" destId="{23A7F13A-1775-4D8F-844E-4C3A76CDAC5B}" srcOrd="0" destOrd="0" presId="urn:microsoft.com/office/officeart/2005/8/layout/hierarchy5"/>
    <dgm:cxn modelId="{2EF6860E-107B-4ECF-9DEF-ACDC56231FF4}" type="presOf" srcId="{13EBBFC6-55A6-4FEF-BF00-2533489F5D0C}" destId="{E047DAAD-669D-4544-8258-7EBFEED32419}" srcOrd="1" destOrd="0" presId="urn:microsoft.com/office/officeart/2005/8/layout/hierarchy5"/>
    <dgm:cxn modelId="{59A32112-C381-4A88-BD9A-0ECFB069EC63}" type="presOf" srcId="{213E6ACA-5522-46BA-A2C9-6DD292D670D8}" destId="{743F437C-4266-4108-8546-DA92D068993A}" srcOrd="0" destOrd="0" presId="urn:microsoft.com/office/officeart/2005/8/layout/hierarchy5"/>
    <dgm:cxn modelId="{2011C219-2BA4-4B81-85D8-55AC628522E9}" type="presOf" srcId="{26AD6EC9-93F9-4AD9-A99A-6BC261C6A722}" destId="{9C34A67C-ADD4-4FCD-8460-AB259779EFB8}" srcOrd="1" destOrd="0" presId="urn:microsoft.com/office/officeart/2005/8/layout/hierarchy5"/>
    <dgm:cxn modelId="{24BD031B-A2D4-4373-82E2-AD14068B67A3}" srcId="{9567D971-7207-40DE-8CE4-A0A20534CBD0}" destId="{BF1956AC-682C-46D5-9A55-8676D57D0328}" srcOrd="2" destOrd="0" parTransId="{9C3079A6-69F9-4E41-A8C6-E179594383C5}" sibTransId="{E2F6E39D-37CD-43F5-8497-DD17F9483526}"/>
    <dgm:cxn modelId="{8364A520-5AB5-4334-94AD-2CD3ACEB27FC}" srcId="{3AD524C8-6450-4EDB-A668-14276E2D1A94}" destId="{213E6ACA-5522-46BA-A2C9-6DD292D670D8}" srcOrd="1" destOrd="0" parTransId="{945A9356-2F5D-46EC-9E0F-01D28729E1B3}" sibTransId="{9F7E137F-C539-48B6-BD7E-E595F8DC7B68}"/>
    <dgm:cxn modelId="{3BAE5F3C-EF71-4562-AF71-EC9258A4356A}" srcId="{9567D971-7207-40DE-8CE4-A0A20534CBD0}" destId="{3AD524C8-6450-4EDB-A668-14276E2D1A94}" srcOrd="0" destOrd="0" parTransId="{9FE45587-6D36-448F-BC1F-4500CBC0A054}" sibTransId="{24F4F9FD-15D5-4E2F-B5DA-63B50B1F0DD1}"/>
    <dgm:cxn modelId="{189CEF61-3E44-4EDC-BE6B-E6876F9D3F9C}" type="presOf" srcId="{C2ED1EC0-8204-4B1C-8008-09C739D39E9B}" destId="{32F1CA72-1234-4151-B804-B909B743C8F7}" srcOrd="1" destOrd="0" presId="urn:microsoft.com/office/officeart/2005/8/layout/hierarchy5"/>
    <dgm:cxn modelId="{D39AE667-3971-4274-A745-85F333ED7488}" type="presOf" srcId="{753BA08F-F460-4B7E-885D-3B9F5A196814}" destId="{359DA775-31E6-4460-81E4-2ED2A585CC24}" srcOrd="0" destOrd="0" presId="urn:microsoft.com/office/officeart/2005/8/layout/hierarchy5"/>
    <dgm:cxn modelId="{375DC06D-A66E-4E5F-8652-377144D5909F}" type="presOf" srcId="{3E2449B9-B1EA-4A56-921A-85B91721E4AE}" destId="{E15B6777-549E-4BDC-90CE-3F57DDBD6452}" srcOrd="0" destOrd="0" presId="urn:microsoft.com/office/officeart/2005/8/layout/hierarchy5"/>
    <dgm:cxn modelId="{E583DA70-4CB8-4255-B56F-A82ED917C5AA}" type="presOf" srcId="{13EBBFC6-55A6-4FEF-BF00-2533489F5D0C}" destId="{FF4E8691-E350-43B3-9083-FEECBB2340A4}" srcOrd="0" destOrd="0" presId="urn:microsoft.com/office/officeart/2005/8/layout/hierarchy5"/>
    <dgm:cxn modelId="{E8877774-91D8-406A-B310-6710499D2500}" type="presOf" srcId="{945A9356-2F5D-46EC-9E0F-01D28729E1B3}" destId="{7478AFD0-B581-4ADB-876A-5D930E53F2A1}" srcOrd="0" destOrd="0" presId="urn:microsoft.com/office/officeart/2005/8/layout/hierarchy5"/>
    <dgm:cxn modelId="{F48D487A-08EE-499A-96C5-19A0BDB10C6D}" type="presOf" srcId="{26AD6EC9-93F9-4AD9-A99A-6BC261C6A722}" destId="{13418BFB-9BC6-43E7-B451-A2DFE3D84DD6}" srcOrd="0" destOrd="0" presId="urn:microsoft.com/office/officeart/2005/8/layout/hierarchy5"/>
    <dgm:cxn modelId="{6BD81881-1DA8-4D41-8883-BDA756A1D042}" srcId="{3AD524C8-6450-4EDB-A668-14276E2D1A94}" destId="{37A3CFE0-3871-4809-AA5C-4476BF7EFF78}" srcOrd="3" destOrd="0" parTransId="{0140C3A0-931E-40F5-A0C0-9DACC55A6970}" sibTransId="{C6409F56-DC9E-4A7F-85B9-67A5D434ED27}"/>
    <dgm:cxn modelId="{DB4DB783-2AF6-417E-A82E-7D16903347DE}" srcId="{3AD524C8-6450-4EDB-A668-14276E2D1A94}" destId="{3E2449B9-B1EA-4A56-921A-85B91721E4AE}" srcOrd="4" destOrd="0" parTransId="{31BBFF02-81B5-4143-93BD-8B52410468DF}" sibTransId="{79034042-E6E2-4FB6-A1DC-9F58F54D71A7}"/>
    <dgm:cxn modelId="{0B15F283-2480-45A9-B80D-9D11112F6D42}" type="presOf" srcId="{0140C3A0-931E-40F5-A0C0-9DACC55A6970}" destId="{9DD577F2-D76C-48D5-A2F1-B66341076A47}" srcOrd="1" destOrd="0" presId="urn:microsoft.com/office/officeart/2005/8/layout/hierarchy5"/>
    <dgm:cxn modelId="{E3841787-90B8-4783-A6C3-97A6E4E86AE6}" type="presOf" srcId="{A30E6A28-DBD8-435F-BF5E-F3B604A5F5A3}" destId="{8B3DDF95-FC0E-4373-B5A0-B87C85C7A039}" srcOrd="0" destOrd="0" presId="urn:microsoft.com/office/officeart/2005/8/layout/hierarchy5"/>
    <dgm:cxn modelId="{3BC7099F-1890-4752-A29A-7ECE75F3ACC8}" srcId="{3AD524C8-6450-4EDB-A668-14276E2D1A94}" destId="{753BA08F-F460-4B7E-885D-3B9F5A196814}" srcOrd="2" destOrd="0" parTransId="{C2ED1EC0-8204-4B1C-8008-09C739D39E9B}" sibTransId="{BAA2CE5A-6A03-4864-A81A-2C3D5ACC9328}"/>
    <dgm:cxn modelId="{74153DB5-2854-4204-BE0D-4EA1557C4ECC}" type="presOf" srcId="{31BBFF02-81B5-4143-93BD-8B52410468DF}" destId="{403BF905-4DD4-4817-BC84-F1291F009218}" srcOrd="1" destOrd="0" presId="urn:microsoft.com/office/officeart/2005/8/layout/hierarchy5"/>
    <dgm:cxn modelId="{CF9E41C2-598E-4423-BEEE-153DBAE526F5}" type="presOf" srcId="{37A3CFE0-3871-4809-AA5C-4476BF7EFF78}" destId="{664546CA-B3A7-4293-B38E-E812B13A4847}" srcOrd="0" destOrd="0" presId="urn:microsoft.com/office/officeart/2005/8/layout/hierarchy5"/>
    <dgm:cxn modelId="{10E258C6-88D5-4B25-9213-77AD4CABB1DE}" type="presOf" srcId="{9567D971-7207-40DE-8CE4-A0A20534CBD0}" destId="{07FAF2FE-ED7A-450D-89F1-C8EF3EE1138B}" srcOrd="0" destOrd="0" presId="urn:microsoft.com/office/officeart/2005/8/layout/hierarchy5"/>
    <dgm:cxn modelId="{E3033CCF-8236-439A-8809-48916343A8E0}" type="presOf" srcId="{BF1956AC-682C-46D5-9A55-8676D57D0328}" destId="{22884A2A-8E53-4112-9DE3-DE230261DD52}" srcOrd="0" destOrd="0" presId="urn:microsoft.com/office/officeart/2005/8/layout/hierarchy5"/>
    <dgm:cxn modelId="{4B6936D1-C865-41A8-9710-934AC7EEFC2A}" type="presOf" srcId="{3AD524C8-6450-4EDB-A668-14276E2D1A94}" destId="{A20A70B0-9FDE-4579-9A85-88B02A2E608A}" srcOrd="0" destOrd="0" presId="urn:microsoft.com/office/officeart/2005/8/layout/hierarchy5"/>
    <dgm:cxn modelId="{8BE806D8-309D-48B6-ACD8-C460F12FA534}" srcId="{3AD524C8-6450-4EDB-A668-14276E2D1A94}" destId="{A30E6A28-DBD8-435F-BF5E-F3B604A5F5A3}" srcOrd="0" destOrd="0" parTransId="{13EBBFC6-55A6-4FEF-BF00-2533489F5D0C}" sibTransId="{15F5780F-C5A7-4B9F-A844-F79BC227DECD}"/>
    <dgm:cxn modelId="{471588D8-3CF9-4EB5-BB1F-C0F7FB94EF3F}" type="presOf" srcId="{31BBFF02-81B5-4143-93BD-8B52410468DF}" destId="{DBA7C561-2618-4FE5-90B6-A993EEB1077D}" srcOrd="0" destOrd="0" presId="urn:microsoft.com/office/officeart/2005/8/layout/hierarchy5"/>
    <dgm:cxn modelId="{A092CFE1-F879-4CC2-97A7-55CC9B2A3FE2}" type="presOf" srcId="{945A9356-2F5D-46EC-9E0F-01D28729E1B3}" destId="{14BE46D2-B976-497E-9A5C-8BE6D1CC0146}" srcOrd="1" destOrd="0" presId="urn:microsoft.com/office/officeart/2005/8/layout/hierarchy5"/>
    <dgm:cxn modelId="{0B41C7EF-0CE6-4F06-9502-3CFC812AA38A}" type="presOf" srcId="{0140C3A0-931E-40F5-A0C0-9DACC55A6970}" destId="{B19B6641-C57C-4094-86BB-60F65D018E15}" srcOrd="0" destOrd="0" presId="urn:microsoft.com/office/officeart/2005/8/layout/hierarchy5"/>
    <dgm:cxn modelId="{332F8DF1-A679-44EE-8DD3-C48F82EB549B}" type="presOf" srcId="{BF1956AC-682C-46D5-9A55-8676D57D0328}" destId="{2B00CA1F-B182-4729-B0E1-95782A2EFF6F}" srcOrd="1" destOrd="0" presId="urn:microsoft.com/office/officeart/2005/8/layout/hierarchy5"/>
    <dgm:cxn modelId="{7F755D25-82F6-4349-84AB-A46A6ADD6FA5}" type="presParOf" srcId="{07FAF2FE-ED7A-450D-89F1-C8EF3EE1138B}" destId="{1E303FE0-D4B4-4FC4-9396-9A15DF859061}" srcOrd="0" destOrd="0" presId="urn:microsoft.com/office/officeart/2005/8/layout/hierarchy5"/>
    <dgm:cxn modelId="{DEBD285F-AF0A-4812-9E24-ECD3F7B01443}" type="presParOf" srcId="{1E303FE0-D4B4-4FC4-9396-9A15DF859061}" destId="{B3B5D74B-8BF5-4EEA-9CD9-32EAB6CB9246}" srcOrd="0" destOrd="0" presId="urn:microsoft.com/office/officeart/2005/8/layout/hierarchy5"/>
    <dgm:cxn modelId="{76C4AB08-BD2B-4CBF-B0E2-25D2F5DBBA13}" type="presParOf" srcId="{1E303FE0-D4B4-4FC4-9396-9A15DF859061}" destId="{3589CE01-BB58-476C-8B16-AFFF9F44D365}" srcOrd="1" destOrd="0" presId="urn:microsoft.com/office/officeart/2005/8/layout/hierarchy5"/>
    <dgm:cxn modelId="{F73DC77A-26FE-4BC7-9C9C-ADC83C367F9E}" type="presParOf" srcId="{3589CE01-BB58-476C-8B16-AFFF9F44D365}" destId="{3592CE8E-2C3C-4D28-89CC-60309474635E}" srcOrd="0" destOrd="0" presId="urn:microsoft.com/office/officeart/2005/8/layout/hierarchy5"/>
    <dgm:cxn modelId="{E69204AA-E41A-461D-9A0F-F0FD0A745751}" type="presParOf" srcId="{3592CE8E-2C3C-4D28-89CC-60309474635E}" destId="{A20A70B0-9FDE-4579-9A85-88B02A2E608A}" srcOrd="0" destOrd="0" presId="urn:microsoft.com/office/officeart/2005/8/layout/hierarchy5"/>
    <dgm:cxn modelId="{1287AE9F-031E-4DB1-A89D-3BD47C048641}" type="presParOf" srcId="{3592CE8E-2C3C-4D28-89CC-60309474635E}" destId="{8ACAE010-BD59-415E-A463-68261AEA84A6}" srcOrd="1" destOrd="0" presId="urn:microsoft.com/office/officeart/2005/8/layout/hierarchy5"/>
    <dgm:cxn modelId="{CA1138F1-F8AD-47DF-BA27-BBE8A82DD527}" type="presParOf" srcId="{8ACAE010-BD59-415E-A463-68261AEA84A6}" destId="{FF4E8691-E350-43B3-9083-FEECBB2340A4}" srcOrd="0" destOrd="0" presId="urn:microsoft.com/office/officeart/2005/8/layout/hierarchy5"/>
    <dgm:cxn modelId="{995E4630-DF7E-4C6B-B314-6E25E627ABEC}" type="presParOf" srcId="{FF4E8691-E350-43B3-9083-FEECBB2340A4}" destId="{E047DAAD-669D-4544-8258-7EBFEED32419}" srcOrd="0" destOrd="0" presId="urn:microsoft.com/office/officeart/2005/8/layout/hierarchy5"/>
    <dgm:cxn modelId="{DA08826A-5157-4A52-88CD-98149569A8C0}" type="presParOf" srcId="{8ACAE010-BD59-415E-A463-68261AEA84A6}" destId="{29A43BA3-2070-475E-B314-E2BACD5F8512}" srcOrd="1" destOrd="0" presId="urn:microsoft.com/office/officeart/2005/8/layout/hierarchy5"/>
    <dgm:cxn modelId="{60BBB597-3C6A-48F6-910B-4841AB6BCD09}" type="presParOf" srcId="{29A43BA3-2070-475E-B314-E2BACD5F8512}" destId="{8B3DDF95-FC0E-4373-B5A0-B87C85C7A039}" srcOrd="0" destOrd="0" presId="urn:microsoft.com/office/officeart/2005/8/layout/hierarchy5"/>
    <dgm:cxn modelId="{877CBCDB-BDAD-4A92-894B-A3830C51F049}" type="presParOf" srcId="{29A43BA3-2070-475E-B314-E2BACD5F8512}" destId="{1ED90FE6-0C3E-4893-BA34-2DD562AD8000}" srcOrd="1" destOrd="0" presId="urn:microsoft.com/office/officeart/2005/8/layout/hierarchy5"/>
    <dgm:cxn modelId="{3E098587-E355-4AC7-9673-97C0E701E0B4}" type="presParOf" srcId="{8ACAE010-BD59-415E-A463-68261AEA84A6}" destId="{7478AFD0-B581-4ADB-876A-5D930E53F2A1}" srcOrd="2" destOrd="0" presId="urn:microsoft.com/office/officeart/2005/8/layout/hierarchy5"/>
    <dgm:cxn modelId="{9FA71494-C045-4A70-A3AD-8DDEC3EA2024}" type="presParOf" srcId="{7478AFD0-B581-4ADB-876A-5D930E53F2A1}" destId="{14BE46D2-B976-497E-9A5C-8BE6D1CC0146}" srcOrd="0" destOrd="0" presId="urn:microsoft.com/office/officeart/2005/8/layout/hierarchy5"/>
    <dgm:cxn modelId="{2918BF2F-BFAA-4C73-BF81-744D318E9AA8}" type="presParOf" srcId="{8ACAE010-BD59-415E-A463-68261AEA84A6}" destId="{7BE0FD57-D59E-4130-B2B1-E629577C3B87}" srcOrd="3" destOrd="0" presId="urn:microsoft.com/office/officeart/2005/8/layout/hierarchy5"/>
    <dgm:cxn modelId="{EA54701C-45DA-4D8C-9190-931891DB1260}" type="presParOf" srcId="{7BE0FD57-D59E-4130-B2B1-E629577C3B87}" destId="{743F437C-4266-4108-8546-DA92D068993A}" srcOrd="0" destOrd="0" presId="urn:microsoft.com/office/officeart/2005/8/layout/hierarchy5"/>
    <dgm:cxn modelId="{3EBF5C31-0F48-4F10-B898-C89CCD9F2EAB}" type="presParOf" srcId="{7BE0FD57-D59E-4130-B2B1-E629577C3B87}" destId="{2A633BFB-2E57-4B3A-981F-DDB7132FDB08}" srcOrd="1" destOrd="0" presId="urn:microsoft.com/office/officeart/2005/8/layout/hierarchy5"/>
    <dgm:cxn modelId="{EE98EA98-447A-4CEC-922A-9B1CC0ACA18A}" type="presParOf" srcId="{8ACAE010-BD59-415E-A463-68261AEA84A6}" destId="{23A7F13A-1775-4D8F-844E-4C3A76CDAC5B}" srcOrd="4" destOrd="0" presId="urn:microsoft.com/office/officeart/2005/8/layout/hierarchy5"/>
    <dgm:cxn modelId="{988D850C-93E5-4BC7-B1A3-00DFFBA53CFF}" type="presParOf" srcId="{23A7F13A-1775-4D8F-844E-4C3A76CDAC5B}" destId="{32F1CA72-1234-4151-B804-B909B743C8F7}" srcOrd="0" destOrd="0" presId="urn:microsoft.com/office/officeart/2005/8/layout/hierarchy5"/>
    <dgm:cxn modelId="{8B132733-9605-4A85-8D5C-1F5BEB314239}" type="presParOf" srcId="{8ACAE010-BD59-415E-A463-68261AEA84A6}" destId="{19C2E477-4FFD-496C-8ADF-FCC3CC0A8BCF}" srcOrd="5" destOrd="0" presId="urn:microsoft.com/office/officeart/2005/8/layout/hierarchy5"/>
    <dgm:cxn modelId="{BE897CF0-BA54-4B66-B17C-F4E514850CF1}" type="presParOf" srcId="{19C2E477-4FFD-496C-8ADF-FCC3CC0A8BCF}" destId="{359DA775-31E6-4460-81E4-2ED2A585CC24}" srcOrd="0" destOrd="0" presId="urn:microsoft.com/office/officeart/2005/8/layout/hierarchy5"/>
    <dgm:cxn modelId="{6FBF9CF7-D2E7-41F7-9ED8-AF8C2B40D0EF}" type="presParOf" srcId="{19C2E477-4FFD-496C-8ADF-FCC3CC0A8BCF}" destId="{3BF99A57-69DB-4D04-B931-E8BB100A835E}" srcOrd="1" destOrd="0" presId="urn:microsoft.com/office/officeart/2005/8/layout/hierarchy5"/>
    <dgm:cxn modelId="{6D9947B7-5049-4226-A7BD-E8CBD260C01F}" type="presParOf" srcId="{8ACAE010-BD59-415E-A463-68261AEA84A6}" destId="{B19B6641-C57C-4094-86BB-60F65D018E15}" srcOrd="6" destOrd="0" presId="urn:microsoft.com/office/officeart/2005/8/layout/hierarchy5"/>
    <dgm:cxn modelId="{A49DE587-1245-4F6D-BF4F-A18562549F8F}" type="presParOf" srcId="{B19B6641-C57C-4094-86BB-60F65D018E15}" destId="{9DD577F2-D76C-48D5-A2F1-B66341076A47}" srcOrd="0" destOrd="0" presId="urn:microsoft.com/office/officeart/2005/8/layout/hierarchy5"/>
    <dgm:cxn modelId="{133F584B-52DB-4F16-8D5A-42FBF69D16E6}" type="presParOf" srcId="{8ACAE010-BD59-415E-A463-68261AEA84A6}" destId="{1CDFB42F-2C5F-4D87-877B-112CC6C7C462}" srcOrd="7" destOrd="0" presId="urn:microsoft.com/office/officeart/2005/8/layout/hierarchy5"/>
    <dgm:cxn modelId="{07D86E1D-411D-4FF0-AA9A-FDC0335E4C10}" type="presParOf" srcId="{1CDFB42F-2C5F-4D87-877B-112CC6C7C462}" destId="{664546CA-B3A7-4293-B38E-E812B13A4847}" srcOrd="0" destOrd="0" presId="urn:microsoft.com/office/officeart/2005/8/layout/hierarchy5"/>
    <dgm:cxn modelId="{101BC7EC-1F0F-4695-BE8B-F66107C92F94}" type="presParOf" srcId="{1CDFB42F-2C5F-4D87-877B-112CC6C7C462}" destId="{7BBDE53F-E5BD-4DFF-9B89-8560D4D4D034}" srcOrd="1" destOrd="0" presId="urn:microsoft.com/office/officeart/2005/8/layout/hierarchy5"/>
    <dgm:cxn modelId="{49536654-7C58-4D99-AC42-F6CC7B94AB31}" type="presParOf" srcId="{8ACAE010-BD59-415E-A463-68261AEA84A6}" destId="{DBA7C561-2618-4FE5-90B6-A993EEB1077D}" srcOrd="8" destOrd="0" presId="urn:microsoft.com/office/officeart/2005/8/layout/hierarchy5"/>
    <dgm:cxn modelId="{8C4A5CFE-227E-4C56-8755-01E6A588B026}" type="presParOf" srcId="{DBA7C561-2618-4FE5-90B6-A993EEB1077D}" destId="{403BF905-4DD4-4817-BC84-F1291F009218}" srcOrd="0" destOrd="0" presId="urn:microsoft.com/office/officeart/2005/8/layout/hierarchy5"/>
    <dgm:cxn modelId="{C429D416-788C-46B3-887C-8ED230F8375E}" type="presParOf" srcId="{8ACAE010-BD59-415E-A463-68261AEA84A6}" destId="{8AFD8C92-9E30-427B-BDD0-AF6327BA081D}" srcOrd="9" destOrd="0" presId="urn:microsoft.com/office/officeart/2005/8/layout/hierarchy5"/>
    <dgm:cxn modelId="{3A7BF555-F378-41D9-9054-87391F1B820A}" type="presParOf" srcId="{8AFD8C92-9E30-427B-BDD0-AF6327BA081D}" destId="{E15B6777-549E-4BDC-90CE-3F57DDBD6452}" srcOrd="0" destOrd="0" presId="urn:microsoft.com/office/officeart/2005/8/layout/hierarchy5"/>
    <dgm:cxn modelId="{9BC66553-26D4-4CAD-A7DB-BC4CD13CD96C}" type="presParOf" srcId="{8AFD8C92-9E30-427B-BDD0-AF6327BA081D}" destId="{7E113C1A-BC9F-4F83-9586-AE92B440BBB7}" srcOrd="1" destOrd="0" presId="urn:microsoft.com/office/officeart/2005/8/layout/hierarchy5"/>
    <dgm:cxn modelId="{530353D8-23E2-4592-8A80-AEF4B3D691AF}" type="presParOf" srcId="{07FAF2FE-ED7A-450D-89F1-C8EF3EE1138B}" destId="{F59B68D2-EFC1-4B68-AB8F-E5642A117B35}" srcOrd="1" destOrd="0" presId="urn:microsoft.com/office/officeart/2005/8/layout/hierarchy5"/>
    <dgm:cxn modelId="{B1E3D3A6-E46F-44EF-BDB3-47D78559B64C}" type="presParOf" srcId="{F59B68D2-EFC1-4B68-AB8F-E5642A117B35}" destId="{FAD940DD-C7D9-4E7B-8203-3CBE7395EDAA}" srcOrd="0" destOrd="0" presId="urn:microsoft.com/office/officeart/2005/8/layout/hierarchy5"/>
    <dgm:cxn modelId="{EDB313D3-E9F5-4630-9E6E-AF536931F1FC}" type="presParOf" srcId="{FAD940DD-C7D9-4E7B-8203-3CBE7395EDAA}" destId="{13418BFB-9BC6-43E7-B451-A2DFE3D84DD6}" srcOrd="0" destOrd="0" presId="urn:microsoft.com/office/officeart/2005/8/layout/hierarchy5"/>
    <dgm:cxn modelId="{8EEDAB39-8F24-4371-9EFA-B61845397425}" type="presParOf" srcId="{FAD940DD-C7D9-4E7B-8203-3CBE7395EDAA}" destId="{9C34A67C-ADD4-4FCD-8460-AB259779EFB8}" srcOrd="1" destOrd="0" presId="urn:microsoft.com/office/officeart/2005/8/layout/hierarchy5"/>
    <dgm:cxn modelId="{56D67AC6-6DDB-4CF5-A56E-2122008DE1EC}" type="presParOf" srcId="{F59B68D2-EFC1-4B68-AB8F-E5642A117B35}" destId="{8B27A0C3-40B6-4F3D-82F4-D885B0643BBE}" srcOrd="1" destOrd="0" presId="urn:microsoft.com/office/officeart/2005/8/layout/hierarchy5"/>
    <dgm:cxn modelId="{FFB57AEF-A03C-44A6-B989-835C59986DE4}" type="presParOf" srcId="{8B27A0C3-40B6-4F3D-82F4-D885B0643BBE}" destId="{AC273CC2-AE1C-4871-A41F-00F2ED07D5C6}" srcOrd="0" destOrd="0" presId="urn:microsoft.com/office/officeart/2005/8/layout/hierarchy5"/>
    <dgm:cxn modelId="{5D275B61-289A-4BF4-8EC7-C3560CA1B3D6}" type="presParOf" srcId="{F59B68D2-EFC1-4B68-AB8F-E5642A117B35}" destId="{4D3686F3-0D06-4F74-B2F2-F37BEF018B4C}" srcOrd="2" destOrd="0" presId="urn:microsoft.com/office/officeart/2005/8/layout/hierarchy5"/>
    <dgm:cxn modelId="{84A96834-CE3E-458C-9299-0B99BF64518F}" type="presParOf" srcId="{4D3686F3-0D06-4F74-B2F2-F37BEF018B4C}" destId="{22884A2A-8E53-4112-9DE3-DE230261DD52}" srcOrd="0" destOrd="0" presId="urn:microsoft.com/office/officeart/2005/8/layout/hierarchy5"/>
    <dgm:cxn modelId="{860172F0-2A3F-4F7B-906F-C0F8AB4DAFC1}" type="presParOf" srcId="{4D3686F3-0D06-4F74-B2F2-F37BEF018B4C}" destId="{2B00CA1F-B182-4729-B0E1-95782A2EFF6F}" srcOrd="1" destOrd="0" presId="urn:microsoft.com/office/officeart/2005/8/layout/hierarchy5"/>
  </dgm:cxnLst>
  <dgm:bg/>
  <dgm:whole>
    <a:ln>
      <a:solidFill>
        <a:schemeClr val="tx2"/>
      </a:solidFill>
    </a:ln>
  </dgm:whole>
  <dgm:extLst>
    <a:ext uri="http://schemas.microsoft.com/office/drawing/2008/diagram">
      <dsp:dataModelExt xmlns:dsp="http://schemas.microsoft.com/office/drawing/2008/diagram" relId="rId6"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B118A677-901D-4501-89DF-79ABF8D3935B}" type="doc">
      <dgm:prSet loTypeId="urn:microsoft.com/office/officeart/2005/8/layout/cycle2" loCatId="cycle" qsTypeId="urn:microsoft.com/office/officeart/2005/8/quickstyle/3d1" qsCatId="3D" csTypeId="urn:microsoft.com/office/officeart/2005/8/colors/colorful2" csCatId="colorful" phldr="1"/>
      <dgm:spPr/>
    </dgm:pt>
    <dgm:pt modelId="{6C64FDEA-0C82-4D3D-923A-F1470E2AAD2B}">
      <dgm:prSet phldrT="[Text]" custT="1"/>
      <dgm:spPr>
        <a:solidFill>
          <a:schemeClr val="accent1"/>
        </a:solidFill>
      </dgm:spPr>
      <dgm:t>
        <a:bodyPr/>
        <a:lstStyle/>
        <a:p>
          <a:r>
            <a:rPr lang="en-US" sz="1600" b="1" dirty="0"/>
            <a:t>Identify data needs</a:t>
          </a:r>
        </a:p>
      </dgm:t>
    </dgm:pt>
    <dgm:pt modelId="{EFF114DD-9689-40CF-A8DA-C184CA4EEB7B}" type="parTrans" cxnId="{1F59615A-DCAC-4ED0-8C5D-E885251127A2}">
      <dgm:prSet/>
      <dgm:spPr/>
      <dgm:t>
        <a:bodyPr/>
        <a:lstStyle/>
        <a:p>
          <a:endParaRPr lang="en-US" sz="1600"/>
        </a:p>
      </dgm:t>
    </dgm:pt>
    <dgm:pt modelId="{118B9D56-ED67-4BB8-B18D-3922DD6B883F}" type="sibTrans" cxnId="{1F59615A-DCAC-4ED0-8C5D-E885251127A2}">
      <dgm:prSet custT="1"/>
      <dgm:spPr/>
      <dgm:t>
        <a:bodyPr/>
        <a:lstStyle/>
        <a:p>
          <a:endParaRPr lang="en-US" sz="1600"/>
        </a:p>
      </dgm:t>
    </dgm:pt>
    <dgm:pt modelId="{EB03137E-9F65-485E-8661-1274F4E21515}">
      <dgm:prSet phldrT="[Text]" custT="1"/>
      <dgm:spPr/>
      <dgm:t>
        <a:bodyPr/>
        <a:lstStyle/>
        <a:p>
          <a:r>
            <a:rPr lang="en-US" sz="1600" dirty="0"/>
            <a:t>Create forms &amp; process</a:t>
          </a:r>
        </a:p>
      </dgm:t>
    </dgm:pt>
    <dgm:pt modelId="{A81FB01A-237C-452B-842A-77A7D9107EB5}" type="parTrans" cxnId="{E675E975-8BE3-4C64-B6EC-9F68BE4AA5F7}">
      <dgm:prSet/>
      <dgm:spPr/>
      <dgm:t>
        <a:bodyPr/>
        <a:lstStyle/>
        <a:p>
          <a:endParaRPr lang="en-US" sz="1600"/>
        </a:p>
      </dgm:t>
    </dgm:pt>
    <dgm:pt modelId="{BF939773-B5F9-4E03-9EFA-BBCEFB7C3AC3}" type="sibTrans" cxnId="{E675E975-8BE3-4C64-B6EC-9F68BE4AA5F7}">
      <dgm:prSet custT="1"/>
      <dgm:spPr/>
      <dgm:t>
        <a:bodyPr/>
        <a:lstStyle/>
        <a:p>
          <a:endParaRPr lang="en-US" sz="1600"/>
        </a:p>
      </dgm:t>
    </dgm:pt>
    <dgm:pt modelId="{B9A85ABC-BBC6-46A8-8A84-DAAF96A6B413}">
      <dgm:prSet phldrT="[Text]" custT="1"/>
      <dgm:spPr/>
      <dgm:t>
        <a:bodyPr/>
        <a:lstStyle/>
        <a:p>
          <a:r>
            <a:rPr lang="en-US" sz="1600" dirty="0"/>
            <a:t>Test forms &amp; process</a:t>
          </a:r>
        </a:p>
      </dgm:t>
    </dgm:pt>
    <dgm:pt modelId="{0297952C-63E2-4E14-A356-02FC186317FC}" type="parTrans" cxnId="{C65E01F0-2324-4829-8660-4FF6E71A7776}">
      <dgm:prSet/>
      <dgm:spPr/>
      <dgm:t>
        <a:bodyPr/>
        <a:lstStyle/>
        <a:p>
          <a:endParaRPr lang="en-US" sz="1600"/>
        </a:p>
      </dgm:t>
    </dgm:pt>
    <dgm:pt modelId="{241DB423-7F03-4333-9915-C66C510039B0}" type="sibTrans" cxnId="{C65E01F0-2324-4829-8660-4FF6E71A7776}">
      <dgm:prSet custT="1"/>
      <dgm:spPr/>
      <dgm:t>
        <a:bodyPr/>
        <a:lstStyle/>
        <a:p>
          <a:endParaRPr lang="en-US" sz="1600"/>
        </a:p>
      </dgm:t>
    </dgm:pt>
    <dgm:pt modelId="{C410CF56-CB2E-43DC-8718-2B18E6D79976}">
      <dgm:prSet phldrT="[Text]" custT="1"/>
      <dgm:spPr/>
      <dgm:t>
        <a:bodyPr/>
        <a:lstStyle/>
        <a:p>
          <a:r>
            <a:rPr lang="en-US" sz="1600" dirty="0"/>
            <a:t>Roll-out forms &amp; process</a:t>
          </a:r>
        </a:p>
      </dgm:t>
    </dgm:pt>
    <dgm:pt modelId="{190972F5-28D8-411D-8015-9EE8551338ED}" type="parTrans" cxnId="{91DC0FF3-110F-436D-A109-EA85EB588E98}">
      <dgm:prSet/>
      <dgm:spPr/>
      <dgm:t>
        <a:bodyPr/>
        <a:lstStyle/>
        <a:p>
          <a:endParaRPr lang="en-US" sz="1600"/>
        </a:p>
      </dgm:t>
    </dgm:pt>
    <dgm:pt modelId="{3DF8F1EB-5EFB-49B9-8F74-94F5F87720E8}" type="sibTrans" cxnId="{91DC0FF3-110F-436D-A109-EA85EB588E98}">
      <dgm:prSet custT="1"/>
      <dgm:spPr/>
      <dgm:t>
        <a:bodyPr/>
        <a:lstStyle/>
        <a:p>
          <a:endParaRPr lang="en-US" sz="1600"/>
        </a:p>
      </dgm:t>
    </dgm:pt>
    <dgm:pt modelId="{1B4C8C19-5181-4108-89BC-F55BA174E360}">
      <dgm:prSet phldrT="[Text]" custT="1"/>
      <dgm:spPr/>
      <dgm:t>
        <a:bodyPr/>
        <a:lstStyle/>
        <a:p>
          <a:r>
            <a:rPr lang="en-US" sz="1600" dirty="0"/>
            <a:t>Collect data</a:t>
          </a:r>
        </a:p>
      </dgm:t>
    </dgm:pt>
    <dgm:pt modelId="{057A7C1C-8F71-4437-AFC7-4B9AEAEF129F}" type="parTrans" cxnId="{32D873B6-EAD1-427D-BDBB-350F5F289ADA}">
      <dgm:prSet/>
      <dgm:spPr/>
      <dgm:t>
        <a:bodyPr/>
        <a:lstStyle/>
        <a:p>
          <a:endParaRPr lang="en-US" sz="1600"/>
        </a:p>
      </dgm:t>
    </dgm:pt>
    <dgm:pt modelId="{54BEF38F-23C0-4EB4-9DA8-9662545D0F9D}" type="sibTrans" cxnId="{32D873B6-EAD1-427D-BDBB-350F5F289ADA}">
      <dgm:prSet custT="1"/>
      <dgm:spPr/>
      <dgm:t>
        <a:bodyPr/>
        <a:lstStyle/>
        <a:p>
          <a:endParaRPr lang="en-US" sz="1600"/>
        </a:p>
      </dgm:t>
    </dgm:pt>
    <dgm:pt modelId="{3B03D8DA-7765-4D4F-8302-CF83DA1FC68E}">
      <dgm:prSet phldrT="[Text]" custT="1"/>
      <dgm:spPr/>
      <dgm:t>
        <a:bodyPr/>
        <a:lstStyle/>
        <a:p>
          <a:r>
            <a:rPr lang="en-US" sz="1600" dirty="0"/>
            <a:t>Enter data into system</a:t>
          </a:r>
        </a:p>
      </dgm:t>
    </dgm:pt>
    <dgm:pt modelId="{98208D4D-026D-4E14-8CEE-00296E217E49}" type="parTrans" cxnId="{6F07F2A5-2F9D-4110-B308-68F50E1C73C7}">
      <dgm:prSet/>
      <dgm:spPr/>
      <dgm:t>
        <a:bodyPr/>
        <a:lstStyle/>
        <a:p>
          <a:endParaRPr lang="en-US" sz="1600"/>
        </a:p>
      </dgm:t>
    </dgm:pt>
    <dgm:pt modelId="{712CB416-C9B9-4720-BB84-1D45B548642D}" type="sibTrans" cxnId="{6F07F2A5-2F9D-4110-B308-68F50E1C73C7}">
      <dgm:prSet custT="1"/>
      <dgm:spPr/>
      <dgm:t>
        <a:bodyPr/>
        <a:lstStyle/>
        <a:p>
          <a:endParaRPr lang="en-US" sz="1600"/>
        </a:p>
      </dgm:t>
    </dgm:pt>
    <dgm:pt modelId="{3C63CF14-15E0-4A52-978C-E2775CF2F6D6}">
      <dgm:prSet phldrT="[Text]" custT="1"/>
      <dgm:spPr/>
      <dgm:t>
        <a:bodyPr/>
        <a:lstStyle/>
        <a:p>
          <a:r>
            <a:rPr lang="en-US" sz="1600" dirty="0"/>
            <a:t>Validate data</a:t>
          </a:r>
        </a:p>
      </dgm:t>
    </dgm:pt>
    <dgm:pt modelId="{1074FAEA-468D-4264-9013-AC0D9B121032}" type="parTrans" cxnId="{C483CD45-5F30-4A90-9593-B1FD3DE7FEFA}">
      <dgm:prSet/>
      <dgm:spPr/>
      <dgm:t>
        <a:bodyPr/>
        <a:lstStyle/>
        <a:p>
          <a:endParaRPr lang="en-US" sz="1600"/>
        </a:p>
      </dgm:t>
    </dgm:pt>
    <dgm:pt modelId="{A59AA7F0-56E4-41B2-8EEA-61E33CC5C7E6}" type="sibTrans" cxnId="{C483CD45-5F30-4A90-9593-B1FD3DE7FEFA}">
      <dgm:prSet custT="1"/>
      <dgm:spPr/>
      <dgm:t>
        <a:bodyPr/>
        <a:lstStyle/>
        <a:p>
          <a:endParaRPr lang="en-US" sz="1600"/>
        </a:p>
      </dgm:t>
    </dgm:pt>
    <dgm:pt modelId="{40F7633A-E389-4232-A561-7C62CB33DF57}">
      <dgm:prSet phldrT="[Text]" custT="1"/>
      <dgm:spPr/>
      <dgm:t>
        <a:bodyPr/>
        <a:lstStyle/>
        <a:p>
          <a:r>
            <a:rPr lang="en-US" sz="1600" dirty="0"/>
            <a:t>Manage data in MIS</a:t>
          </a:r>
        </a:p>
      </dgm:t>
    </dgm:pt>
    <dgm:pt modelId="{C28C3D76-7443-46B7-9F76-B461EB67C9D5}" type="parTrans" cxnId="{31034EC5-5D5E-4D63-BEBF-8F1AB669D774}">
      <dgm:prSet/>
      <dgm:spPr/>
      <dgm:t>
        <a:bodyPr/>
        <a:lstStyle/>
        <a:p>
          <a:endParaRPr lang="en-US" sz="1600"/>
        </a:p>
      </dgm:t>
    </dgm:pt>
    <dgm:pt modelId="{C57DFDF2-89C6-4115-8F49-F85E2EA27E14}" type="sibTrans" cxnId="{31034EC5-5D5E-4D63-BEBF-8F1AB669D774}">
      <dgm:prSet custT="1"/>
      <dgm:spPr/>
      <dgm:t>
        <a:bodyPr/>
        <a:lstStyle/>
        <a:p>
          <a:endParaRPr lang="en-US" sz="1600"/>
        </a:p>
      </dgm:t>
    </dgm:pt>
    <dgm:pt modelId="{4F982BC8-1B5C-4792-B676-185BAA7B19E4}">
      <dgm:prSet phldrT="[Text]" custT="1"/>
      <dgm:spPr/>
      <dgm:t>
        <a:bodyPr/>
        <a:lstStyle/>
        <a:p>
          <a:r>
            <a:rPr lang="en-US" sz="1600" dirty="0"/>
            <a:t>Share information</a:t>
          </a:r>
        </a:p>
      </dgm:t>
    </dgm:pt>
    <dgm:pt modelId="{7EC6E69F-4317-4A8B-8950-B5FC26C07631}" type="parTrans" cxnId="{84DECF76-B8EE-4EA9-9801-018BCCA43CC4}">
      <dgm:prSet/>
      <dgm:spPr/>
      <dgm:t>
        <a:bodyPr/>
        <a:lstStyle/>
        <a:p>
          <a:endParaRPr lang="en-US" sz="1600"/>
        </a:p>
      </dgm:t>
    </dgm:pt>
    <dgm:pt modelId="{B2F803B2-7362-44B8-B917-A82A9F5C7045}" type="sibTrans" cxnId="{84DECF76-B8EE-4EA9-9801-018BCCA43CC4}">
      <dgm:prSet/>
      <dgm:spPr/>
      <dgm:t>
        <a:bodyPr/>
        <a:lstStyle/>
        <a:p>
          <a:endParaRPr lang="en-US" sz="1600"/>
        </a:p>
      </dgm:t>
    </dgm:pt>
    <dgm:pt modelId="{5381A8B2-3354-4396-AE64-57DAC151BCA1}">
      <dgm:prSet phldrT="[Text]" custT="1"/>
      <dgm:spPr/>
      <dgm:t>
        <a:bodyPr/>
        <a:lstStyle/>
        <a:p>
          <a:r>
            <a:rPr lang="en-US" sz="1600" dirty="0"/>
            <a:t>Facilitate data use</a:t>
          </a:r>
        </a:p>
      </dgm:t>
    </dgm:pt>
    <dgm:pt modelId="{DBDA36F8-8932-4578-8E89-1E7DE41B00A1}" type="parTrans" cxnId="{3305ABC0-6429-4D57-8598-6CECAD1B8F82}">
      <dgm:prSet/>
      <dgm:spPr/>
      <dgm:t>
        <a:bodyPr/>
        <a:lstStyle/>
        <a:p>
          <a:endParaRPr lang="en-US"/>
        </a:p>
      </dgm:t>
    </dgm:pt>
    <dgm:pt modelId="{321A4854-A173-48F2-8DD7-DEC3BD2E87F7}" type="sibTrans" cxnId="{3305ABC0-6429-4D57-8598-6CECAD1B8F82}">
      <dgm:prSet/>
      <dgm:spPr/>
      <dgm:t>
        <a:bodyPr/>
        <a:lstStyle/>
        <a:p>
          <a:endParaRPr lang="en-US"/>
        </a:p>
      </dgm:t>
    </dgm:pt>
    <dgm:pt modelId="{C75CA068-B8FA-4E41-AF5E-5E9C35B970CF}" type="pres">
      <dgm:prSet presAssocID="{B118A677-901D-4501-89DF-79ABF8D3935B}" presName="cycle" presStyleCnt="0">
        <dgm:presLayoutVars>
          <dgm:dir/>
          <dgm:resizeHandles val="exact"/>
        </dgm:presLayoutVars>
      </dgm:prSet>
      <dgm:spPr/>
    </dgm:pt>
    <dgm:pt modelId="{82208B9D-5B84-4A53-8BD1-061C482929AE}" type="pres">
      <dgm:prSet presAssocID="{6C64FDEA-0C82-4D3D-923A-F1470E2AAD2B}" presName="node" presStyleLbl="node1" presStyleIdx="0" presStyleCnt="10" custScaleX="163237" custScaleY="152468">
        <dgm:presLayoutVars>
          <dgm:bulletEnabled val="1"/>
        </dgm:presLayoutVars>
      </dgm:prSet>
      <dgm:spPr/>
    </dgm:pt>
    <dgm:pt modelId="{E8FAE9D3-1392-4DA1-84B6-4CCB220C3BB8}" type="pres">
      <dgm:prSet presAssocID="{118B9D56-ED67-4BB8-B18D-3922DD6B883F}" presName="sibTrans" presStyleLbl="sibTrans2D1" presStyleIdx="0" presStyleCnt="10"/>
      <dgm:spPr/>
    </dgm:pt>
    <dgm:pt modelId="{B57CADB5-1B31-4D16-A024-FBA616362696}" type="pres">
      <dgm:prSet presAssocID="{118B9D56-ED67-4BB8-B18D-3922DD6B883F}" presName="connectorText" presStyleLbl="sibTrans2D1" presStyleIdx="0" presStyleCnt="10"/>
      <dgm:spPr/>
    </dgm:pt>
    <dgm:pt modelId="{4209AC67-8E4C-4312-AD4A-E7747A1C1EDB}" type="pres">
      <dgm:prSet presAssocID="{EB03137E-9F65-485E-8661-1274F4E21515}" presName="node" presStyleLbl="node1" presStyleIdx="1" presStyleCnt="10">
        <dgm:presLayoutVars>
          <dgm:bulletEnabled val="1"/>
        </dgm:presLayoutVars>
      </dgm:prSet>
      <dgm:spPr/>
    </dgm:pt>
    <dgm:pt modelId="{733E0EF0-1FA0-4F94-BEE8-461B892C9F99}" type="pres">
      <dgm:prSet presAssocID="{BF939773-B5F9-4E03-9EFA-BBCEFB7C3AC3}" presName="sibTrans" presStyleLbl="sibTrans2D1" presStyleIdx="1" presStyleCnt="10"/>
      <dgm:spPr/>
    </dgm:pt>
    <dgm:pt modelId="{7FF60AB9-00AF-4E96-8BA7-037BD5C7E5A3}" type="pres">
      <dgm:prSet presAssocID="{BF939773-B5F9-4E03-9EFA-BBCEFB7C3AC3}" presName="connectorText" presStyleLbl="sibTrans2D1" presStyleIdx="1" presStyleCnt="10"/>
      <dgm:spPr/>
    </dgm:pt>
    <dgm:pt modelId="{3D28F87A-A54F-4F9E-93D0-051E140E9CB8}" type="pres">
      <dgm:prSet presAssocID="{B9A85ABC-BBC6-46A8-8A84-DAAF96A6B413}" presName="node" presStyleLbl="node1" presStyleIdx="2" presStyleCnt="10">
        <dgm:presLayoutVars>
          <dgm:bulletEnabled val="1"/>
        </dgm:presLayoutVars>
      </dgm:prSet>
      <dgm:spPr/>
    </dgm:pt>
    <dgm:pt modelId="{222EE20C-312F-49E9-A1FD-0D95FA7C24E1}" type="pres">
      <dgm:prSet presAssocID="{241DB423-7F03-4333-9915-C66C510039B0}" presName="sibTrans" presStyleLbl="sibTrans2D1" presStyleIdx="2" presStyleCnt="10"/>
      <dgm:spPr/>
    </dgm:pt>
    <dgm:pt modelId="{DDAA37DD-516F-48B4-9C36-1122FAAD53FD}" type="pres">
      <dgm:prSet presAssocID="{241DB423-7F03-4333-9915-C66C510039B0}" presName="connectorText" presStyleLbl="sibTrans2D1" presStyleIdx="2" presStyleCnt="10"/>
      <dgm:spPr/>
    </dgm:pt>
    <dgm:pt modelId="{9E72C8EC-FC87-45A1-81BD-5C62AFED15E0}" type="pres">
      <dgm:prSet presAssocID="{C410CF56-CB2E-43DC-8718-2B18E6D79976}" presName="node" presStyleLbl="node1" presStyleIdx="3" presStyleCnt="10">
        <dgm:presLayoutVars>
          <dgm:bulletEnabled val="1"/>
        </dgm:presLayoutVars>
      </dgm:prSet>
      <dgm:spPr/>
    </dgm:pt>
    <dgm:pt modelId="{4172FDB8-FD75-44E6-B636-F169466EA6F2}" type="pres">
      <dgm:prSet presAssocID="{3DF8F1EB-5EFB-49B9-8F74-94F5F87720E8}" presName="sibTrans" presStyleLbl="sibTrans2D1" presStyleIdx="3" presStyleCnt="10"/>
      <dgm:spPr/>
    </dgm:pt>
    <dgm:pt modelId="{17467B67-A001-4B8A-B8DA-78DC25A04957}" type="pres">
      <dgm:prSet presAssocID="{3DF8F1EB-5EFB-49B9-8F74-94F5F87720E8}" presName="connectorText" presStyleLbl="sibTrans2D1" presStyleIdx="3" presStyleCnt="10"/>
      <dgm:spPr/>
    </dgm:pt>
    <dgm:pt modelId="{C5FBF30B-7429-4704-90D2-4454965FD314}" type="pres">
      <dgm:prSet presAssocID="{1B4C8C19-5181-4108-89BC-F55BA174E360}" presName="node" presStyleLbl="node1" presStyleIdx="4" presStyleCnt="10">
        <dgm:presLayoutVars>
          <dgm:bulletEnabled val="1"/>
        </dgm:presLayoutVars>
      </dgm:prSet>
      <dgm:spPr/>
    </dgm:pt>
    <dgm:pt modelId="{9BDCB39E-9B45-4116-ADAB-0FEE6C6B1C4B}" type="pres">
      <dgm:prSet presAssocID="{54BEF38F-23C0-4EB4-9DA8-9662545D0F9D}" presName="sibTrans" presStyleLbl="sibTrans2D1" presStyleIdx="4" presStyleCnt="10"/>
      <dgm:spPr/>
    </dgm:pt>
    <dgm:pt modelId="{D128A369-76A0-4D4D-835F-808E2E70F7D2}" type="pres">
      <dgm:prSet presAssocID="{54BEF38F-23C0-4EB4-9DA8-9662545D0F9D}" presName="connectorText" presStyleLbl="sibTrans2D1" presStyleIdx="4" presStyleCnt="10"/>
      <dgm:spPr/>
    </dgm:pt>
    <dgm:pt modelId="{72DBBB8A-A9D2-4A5B-A5A3-76FDD3B65AE9}" type="pres">
      <dgm:prSet presAssocID="{3B03D8DA-7765-4D4F-8302-CF83DA1FC68E}" presName="node" presStyleLbl="node1" presStyleIdx="5" presStyleCnt="10">
        <dgm:presLayoutVars>
          <dgm:bulletEnabled val="1"/>
        </dgm:presLayoutVars>
      </dgm:prSet>
      <dgm:spPr/>
    </dgm:pt>
    <dgm:pt modelId="{5C8BDD24-6C65-47C3-86C6-768CD8448650}" type="pres">
      <dgm:prSet presAssocID="{712CB416-C9B9-4720-BB84-1D45B548642D}" presName="sibTrans" presStyleLbl="sibTrans2D1" presStyleIdx="5" presStyleCnt="10"/>
      <dgm:spPr/>
    </dgm:pt>
    <dgm:pt modelId="{9591738F-221A-46C9-9612-3024E355C661}" type="pres">
      <dgm:prSet presAssocID="{712CB416-C9B9-4720-BB84-1D45B548642D}" presName="connectorText" presStyleLbl="sibTrans2D1" presStyleIdx="5" presStyleCnt="10"/>
      <dgm:spPr/>
    </dgm:pt>
    <dgm:pt modelId="{35D7121D-85F0-4E7F-8752-D7A676C355D2}" type="pres">
      <dgm:prSet presAssocID="{3C63CF14-15E0-4A52-978C-E2775CF2F6D6}" presName="node" presStyleLbl="node1" presStyleIdx="6" presStyleCnt="10">
        <dgm:presLayoutVars>
          <dgm:bulletEnabled val="1"/>
        </dgm:presLayoutVars>
      </dgm:prSet>
      <dgm:spPr/>
    </dgm:pt>
    <dgm:pt modelId="{3A8E9418-1B85-41DA-A8B4-76F2AEC9B2DE}" type="pres">
      <dgm:prSet presAssocID="{A59AA7F0-56E4-41B2-8EEA-61E33CC5C7E6}" presName="sibTrans" presStyleLbl="sibTrans2D1" presStyleIdx="6" presStyleCnt="10"/>
      <dgm:spPr/>
    </dgm:pt>
    <dgm:pt modelId="{5A3D895A-10C8-458C-9A06-08B816232134}" type="pres">
      <dgm:prSet presAssocID="{A59AA7F0-56E4-41B2-8EEA-61E33CC5C7E6}" presName="connectorText" presStyleLbl="sibTrans2D1" presStyleIdx="6" presStyleCnt="10"/>
      <dgm:spPr/>
    </dgm:pt>
    <dgm:pt modelId="{1A417AE2-7DCE-4A5B-AA84-E44756AEBA25}" type="pres">
      <dgm:prSet presAssocID="{40F7633A-E389-4232-A561-7C62CB33DF57}" presName="node" presStyleLbl="node1" presStyleIdx="7" presStyleCnt="10">
        <dgm:presLayoutVars>
          <dgm:bulletEnabled val="1"/>
        </dgm:presLayoutVars>
      </dgm:prSet>
      <dgm:spPr/>
    </dgm:pt>
    <dgm:pt modelId="{7DA4E6F5-5F82-4992-89FB-9A13017CE0DB}" type="pres">
      <dgm:prSet presAssocID="{C57DFDF2-89C6-4115-8F49-F85E2EA27E14}" presName="sibTrans" presStyleLbl="sibTrans2D1" presStyleIdx="7" presStyleCnt="10"/>
      <dgm:spPr/>
    </dgm:pt>
    <dgm:pt modelId="{627745EE-3BBA-4490-8B73-15AA4EE90DE8}" type="pres">
      <dgm:prSet presAssocID="{C57DFDF2-89C6-4115-8F49-F85E2EA27E14}" presName="connectorText" presStyleLbl="sibTrans2D1" presStyleIdx="7" presStyleCnt="10"/>
      <dgm:spPr/>
    </dgm:pt>
    <dgm:pt modelId="{CDB41F4F-688C-4490-B89A-F947556A62B7}" type="pres">
      <dgm:prSet presAssocID="{4F982BC8-1B5C-4792-B676-185BAA7B19E4}" presName="node" presStyleLbl="node1" presStyleIdx="8" presStyleCnt="10">
        <dgm:presLayoutVars>
          <dgm:bulletEnabled val="1"/>
        </dgm:presLayoutVars>
      </dgm:prSet>
      <dgm:spPr/>
    </dgm:pt>
    <dgm:pt modelId="{EFB7B187-C31B-40AD-BE1E-5BA7F7DB24E7}" type="pres">
      <dgm:prSet presAssocID="{B2F803B2-7362-44B8-B917-A82A9F5C7045}" presName="sibTrans" presStyleLbl="sibTrans2D1" presStyleIdx="8" presStyleCnt="10"/>
      <dgm:spPr/>
    </dgm:pt>
    <dgm:pt modelId="{D1598D26-F537-4878-977E-1292BAB1AC8C}" type="pres">
      <dgm:prSet presAssocID="{B2F803B2-7362-44B8-B917-A82A9F5C7045}" presName="connectorText" presStyleLbl="sibTrans2D1" presStyleIdx="8" presStyleCnt="10"/>
      <dgm:spPr/>
    </dgm:pt>
    <dgm:pt modelId="{34E71618-BC08-4DDB-8255-A70153FCCC66}" type="pres">
      <dgm:prSet presAssocID="{5381A8B2-3354-4396-AE64-57DAC151BCA1}" presName="node" presStyleLbl="node1" presStyleIdx="9" presStyleCnt="10">
        <dgm:presLayoutVars>
          <dgm:bulletEnabled val="1"/>
        </dgm:presLayoutVars>
      </dgm:prSet>
      <dgm:spPr/>
    </dgm:pt>
    <dgm:pt modelId="{837037DB-FD11-48C1-8969-B6A62613B709}" type="pres">
      <dgm:prSet presAssocID="{321A4854-A173-48F2-8DD7-DEC3BD2E87F7}" presName="sibTrans" presStyleLbl="sibTrans2D1" presStyleIdx="9" presStyleCnt="10"/>
      <dgm:spPr/>
    </dgm:pt>
    <dgm:pt modelId="{4AE07AC6-7BCC-4259-9258-302018F09847}" type="pres">
      <dgm:prSet presAssocID="{321A4854-A173-48F2-8DD7-DEC3BD2E87F7}" presName="connectorText" presStyleLbl="sibTrans2D1" presStyleIdx="9" presStyleCnt="10"/>
      <dgm:spPr/>
    </dgm:pt>
  </dgm:ptLst>
  <dgm:cxnLst>
    <dgm:cxn modelId="{A393E604-7E37-4308-B564-2A10075A479E}" type="presOf" srcId="{241DB423-7F03-4333-9915-C66C510039B0}" destId="{222EE20C-312F-49E9-A1FD-0D95FA7C24E1}" srcOrd="0" destOrd="0" presId="urn:microsoft.com/office/officeart/2005/8/layout/cycle2"/>
    <dgm:cxn modelId="{44A31208-4AFB-44AB-A949-C696E6906087}" type="presOf" srcId="{712CB416-C9B9-4720-BB84-1D45B548642D}" destId="{5C8BDD24-6C65-47C3-86C6-768CD8448650}" srcOrd="0" destOrd="0" presId="urn:microsoft.com/office/officeart/2005/8/layout/cycle2"/>
    <dgm:cxn modelId="{D632B510-DCD7-4833-B93E-E4B83D324A7C}" type="presOf" srcId="{C57DFDF2-89C6-4115-8F49-F85E2EA27E14}" destId="{627745EE-3BBA-4490-8B73-15AA4EE90DE8}" srcOrd="1" destOrd="0" presId="urn:microsoft.com/office/officeart/2005/8/layout/cycle2"/>
    <dgm:cxn modelId="{B5415715-9A4C-423A-B372-A0934706E884}" type="presOf" srcId="{C410CF56-CB2E-43DC-8718-2B18E6D79976}" destId="{9E72C8EC-FC87-45A1-81BD-5C62AFED15E0}" srcOrd="0" destOrd="0" presId="urn:microsoft.com/office/officeart/2005/8/layout/cycle2"/>
    <dgm:cxn modelId="{31EB9A22-215B-4F0C-BED5-7CC6154EF871}" type="presOf" srcId="{54BEF38F-23C0-4EB4-9DA8-9662545D0F9D}" destId="{9BDCB39E-9B45-4116-ADAB-0FEE6C6B1C4B}" srcOrd="0" destOrd="0" presId="urn:microsoft.com/office/officeart/2005/8/layout/cycle2"/>
    <dgm:cxn modelId="{F038412E-CCC1-4137-8066-2C0BE01E885A}" type="presOf" srcId="{BF939773-B5F9-4E03-9EFA-BBCEFB7C3AC3}" destId="{7FF60AB9-00AF-4E96-8BA7-037BD5C7E5A3}" srcOrd="1" destOrd="0" presId="urn:microsoft.com/office/officeart/2005/8/layout/cycle2"/>
    <dgm:cxn modelId="{3550A53B-D1BE-4F58-833D-383C3D6D2295}" type="presOf" srcId="{241DB423-7F03-4333-9915-C66C510039B0}" destId="{DDAA37DD-516F-48B4-9C36-1122FAAD53FD}" srcOrd="1" destOrd="0" presId="urn:microsoft.com/office/officeart/2005/8/layout/cycle2"/>
    <dgm:cxn modelId="{7A6A795B-13C7-4417-8B97-8F2D4B6AEC6D}" type="presOf" srcId="{3DF8F1EB-5EFB-49B9-8F74-94F5F87720E8}" destId="{4172FDB8-FD75-44E6-B636-F169466EA6F2}" srcOrd="0" destOrd="0" presId="urn:microsoft.com/office/officeart/2005/8/layout/cycle2"/>
    <dgm:cxn modelId="{74DC9A5D-DDFA-4363-A8D3-E220F6B18AAB}" type="presOf" srcId="{118B9D56-ED67-4BB8-B18D-3922DD6B883F}" destId="{E8FAE9D3-1392-4DA1-84B6-4CCB220C3BB8}" srcOrd="0" destOrd="0" presId="urn:microsoft.com/office/officeart/2005/8/layout/cycle2"/>
    <dgm:cxn modelId="{EAA42064-2481-4CD4-BF70-8C20AFBD36C8}" type="presOf" srcId="{3DF8F1EB-5EFB-49B9-8F74-94F5F87720E8}" destId="{17467B67-A001-4B8A-B8DA-78DC25A04957}" srcOrd="1" destOrd="0" presId="urn:microsoft.com/office/officeart/2005/8/layout/cycle2"/>
    <dgm:cxn modelId="{C483CD45-5F30-4A90-9593-B1FD3DE7FEFA}" srcId="{B118A677-901D-4501-89DF-79ABF8D3935B}" destId="{3C63CF14-15E0-4A52-978C-E2775CF2F6D6}" srcOrd="6" destOrd="0" parTransId="{1074FAEA-468D-4264-9013-AC0D9B121032}" sibTransId="{A59AA7F0-56E4-41B2-8EEA-61E33CC5C7E6}"/>
    <dgm:cxn modelId="{9620B368-F94C-4347-9225-51B8261EE5D2}" type="presOf" srcId="{EB03137E-9F65-485E-8661-1274F4E21515}" destId="{4209AC67-8E4C-4312-AD4A-E7747A1C1EDB}" srcOrd="0" destOrd="0" presId="urn:microsoft.com/office/officeart/2005/8/layout/cycle2"/>
    <dgm:cxn modelId="{F20C626D-995F-4185-9704-6E163DA2038D}" type="presOf" srcId="{54BEF38F-23C0-4EB4-9DA8-9662545D0F9D}" destId="{D128A369-76A0-4D4D-835F-808E2E70F7D2}" srcOrd="1" destOrd="0" presId="urn:microsoft.com/office/officeart/2005/8/layout/cycle2"/>
    <dgm:cxn modelId="{DF42526D-8AE0-40DD-8C92-1201B0CA829D}" type="presOf" srcId="{40F7633A-E389-4232-A561-7C62CB33DF57}" destId="{1A417AE2-7DCE-4A5B-AA84-E44756AEBA25}" srcOrd="0" destOrd="0" presId="urn:microsoft.com/office/officeart/2005/8/layout/cycle2"/>
    <dgm:cxn modelId="{B87DF84F-12DB-4967-B9AA-9AC355CAF162}" type="presOf" srcId="{6C64FDEA-0C82-4D3D-923A-F1470E2AAD2B}" destId="{82208B9D-5B84-4A53-8BD1-061C482929AE}" srcOrd="0" destOrd="0" presId="urn:microsoft.com/office/officeart/2005/8/layout/cycle2"/>
    <dgm:cxn modelId="{96D47C50-298A-4F89-8AE3-C0FE760594FB}" type="presOf" srcId="{B118A677-901D-4501-89DF-79ABF8D3935B}" destId="{C75CA068-B8FA-4E41-AF5E-5E9C35B970CF}" srcOrd="0" destOrd="0" presId="urn:microsoft.com/office/officeart/2005/8/layout/cycle2"/>
    <dgm:cxn modelId="{4C9CDF53-E1DC-4DF2-9EF8-2835C0501261}" type="presOf" srcId="{C57DFDF2-89C6-4115-8F49-F85E2EA27E14}" destId="{7DA4E6F5-5F82-4992-89FB-9A13017CE0DB}" srcOrd="0" destOrd="0" presId="urn:microsoft.com/office/officeart/2005/8/layout/cycle2"/>
    <dgm:cxn modelId="{8D330175-33C0-4F58-89B2-E48FDA8597C4}" type="presOf" srcId="{3B03D8DA-7765-4D4F-8302-CF83DA1FC68E}" destId="{72DBBB8A-A9D2-4A5B-A5A3-76FDD3B65AE9}" srcOrd="0" destOrd="0" presId="urn:microsoft.com/office/officeart/2005/8/layout/cycle2"/>
    <dgm:cxn modelId="{E675E975-8BE3-4C64-B6EC-9F68BE4AA5F7}" srcId="{B118A677-901D-4501-89DF-79ABF8D3935B}" destId="{EB03137E-9F65-485E-8661-1274F4E21515}" srcOrd="1" destOrd="0" parTransId="{A81FB01A-237C-452B-842A-77A7D9107EB5}" sibTransId="{BF939773-B5F9-4E03-9EFA-BBCEFB7C3AC3}"/>
    <dgm:cxn modelId="{84DECF76-B8EE-4EA9-9801-018BCCA43CC4}" srcId="{B118A677-901D-4501-89DF-79ABF8D3935B}" destId="{4F982BC8-1B5C-4792-B676-185BAA7B19E4}" srcOrd="8" destOrd="0" parTransId="{7EC6E69F-4317-4A8B-8950-B5FC26C07631}" sibTransId="{B2F803B2-7362-44B8-B917-A82A9F5C7045}"/>
    <dgm:cxn modelId="{1F59615A-DCAC-4ED0-8C5D-E885251127A2}" srcId="{B118A677-901D-4501-89DF-79ABF8D3935B}" destId="{6C64FDEA-0C82-4D3D-923A-F1470E2AAD2B}" srcOrd="0" destOrd="0" parTransId="{EFF114DD-9689-40CF-A8DA-C184CA4EEB7B}" sibTransId="{118B9D56-ED67-4BB8-B18D-3922DD6B883F}"/>
    <dgm:cxn modelId="{7A3DA681-181A-40C3-AA5B-E3F3F41FDDFD}" type="presOf" srcId="{321A4854-A173-48F2-8DD7-DEC3BD2E87F7}" destId="{4AE07AC6-7BCC-4259-9258-302018F09847}" srcOrd="1" destOrd="0" presId="urn:microsoft.com/office/officeart/2005/8/layout/cycle2"/>
    <dgm:cxn modelId="{6F07F2A5-2F9D-4110-B308-68F50E1C73C7}" srcId="{B118A677-901D-4501-89DF-79ABF8D3935B}" destId="{3B03D8DA-7765-4D4F-8302-CF83DA1FC68E}" srcOrd="5" destOrd="0" parTransId="{98208D4D-026D-4E14-8CEE-00296E217E49}" sibTransId="{712CB416-C9B9-4720-BB84-1D45B548642D}"/>
    <dgm:cxn modelId="{3AED8DA9-078B-4372-A2CB-7CAC0CA5AB1F}" type="presOf" srcId="{1B4C8C19-5181-4108-89BC-F55BA174E360}" destId="{C5FBF30B-7429-4704-90D2-4454965FD314}" srcOrd="0" destOrd="0" presId="urn:microsoft.com/office/officeart/2005/8/layout/cycle2"/>
    <dgm:cxn modelId="{5A3AD7AF-0A7D-496E-9876-F2E23913FA1F}" type="presOf" srcId="{A59AA7F0-56E4-41B2-8EEA-61E33CC5C7E6}" destId="{3A8E9418-1B85-41DA-A8B4-76F2AEC9B2DE}" srcOrd="0" destOrd="0" presId="urn:microsoft.com/office/officeart/2005/8/layout/cycle2"/>
    <dgm:cxn modelId="{32D873B6-EAD1-427D-BDBB-350F5F289ADA}" srcId="{B118A677-901D-4501-89DF-79ABF8D3935B}" destId="{1B4C8C19-5181-4108-89BC-F55BA174E360}" srcOrd="4" destOrd="0" parTransId="{057A7C1C-8F71-4437-AFC7-4B9AEAEF129F}" sibTransId="{54BEF38F-23C0-4EB4-9DA8-9662545D0F9D}"/>
    <dgm:cxn modelId="{6D4A5CB7-D4D2-450A-8D68-7CD4101D8A50}" type="presOf" srcId="{118B9D56-ED67-4BB8-B18D-3922DD6B883F}" destId="{B57CADB5-1B31-4D16-A024-FBA616362696}" srcOrd="1" destOrd="0" presId="urn:microsoft.com/office/officeart/2005/8/layout/cycle2"/>
    <dgm:cxn modelId="{A6A5F3BA-CE05-40F8-93C8-D1B903BB6609}" type="presOf" srcId="{712CB416-C9B9-4720-BB84-1D45B548642D}" destId="{9591738F-221A-46C9-9612-3024E355C661}" srcOrd="1" destOrd="0" presId="urn:microsoft.com/office/officeart/2005/8/layout/cycle2"/>
    <dgm:cxn modelId="{0F4393BD-32AF-4665-8848-D02398DF0343}" type="presOf" srcId="{B9A85ABC-BBC6-46A8-8A84-DAAF96A6B413}" destId="{3D28F87A-A54F-4F9E-93D0-051E140E9CB8}" srcOrd="0" destOrd="0" presId="urn:microsoft.com/office/officeart/2005/8/layout/cycle2"/>
    <dgm:cxn modelId="{3305ABC0-6429-4D57-8598-6CECAD1B8F82}" srcId="{B118A677-901D-4501-89DF-79ABF8D3935B}" destId="{5381A8B2-3354-4396-AE64-57DAC151BCA1}" srcOrd="9" destOrd="0" parTransId="{DBDA36F8-8932-4578-8E89-1E7DE41B00A1}" sibTransId="{321A4854-A173-48F2-8DD7-DEC3BD2E87F7}"/>
    <dgm:cxn modelId="{8D38A6C4-27F8-4E48-8580-A2E23792858B}" type="presOf" srcId="{4F982BC8-1B5C-4792-B676-185BAA7B19E4}" destId="{CDB41F4F-688C-4490-B89A-F947556A62B7}" srcOrd="0" destOrd="0" presId="urn:microsoft.com/office/officeart/2005/8/layout/cycle2"/>
    <dgm:cxn modelId="{31034EC5-5D5E-4D63-BEBF-8F1AB669D774}" srcId="{B118A677-901D-4501-89DF-79ABF8D3935B}" destId="{40F7633A-E389-4232-A561-7C62CB33DF57}" srcOrd="7" destOrd="0" parTransId="{C28C3D76-7443-46B7-9F76-B461EB67C9D5}" sibTransId="{C57DFDF2-89C6-4115-8F49-F85E2EA27E14}"/>
    <dgm:cxn modelId="{FEBC28CE-E559-420D-9D17-867919B3DA3C}" type="presOf" srcId="{5381A8B2-3354-4396-AE64-57DAC151BCA1}" destId="{34E71618-BC08-4DDB-8255-A70153FCCC66}" srcOrd="0" destOrd="0" presId="urn:microsoft.com/office/officeart/2005/8/layout/cycle2"/>
    <dgm:cxn modelId="{237A6BD5-8EF8-4915-8706-6B6ADDEDE03B}" type="presOf" srcId="{321A4854-A173-48F2-8DD7-DEC3BD2E87F7}" destId="{837037DB-FD11-48C1-8969-B6A62613B709}" srcOrd="0" destOrd="0" presId="urn:microsoft.com/office/officeart/2005/8/layout/cycle2"/>
    <dgm:cxn modelId="{FA3C71E5-6EC9-463D-AB4E-D7172DC60803}" type="presOf" srcId="{B2F803B2-7362-44B8-B917-A82A9F5C7045}" destId="{D1598D26-F537-4878-977E-1292BAB1AC8C}" srcOrd="1" destOrd="0" presId="urn:microsoft.com/office/officeart/2005/8/layout/cycle2"/>
    <dgm:cxn modelId="{FE74D2E8-61D4-4C4F-8B60-27BDBA2DFCA4}" type="presOf" srcId="{3C63CF14-15E0-4A52-978C-E2775CF2F6D6}" destId="{35D7121D-85F0-4E7F-8752-D7A676C355D2}" srcOrd="0" destOrd="0" presId="urn:microsoft.com/office/officeart/2005/8/layout/cycle2"/>
    <dgm:cxn modelId="{B1F9C5ED-6791-4F04-BD6C-814517317E0E}" type="presOf" srcId="{BF939773-B5F9-4E03-9EFA-BBCEFB7C3AC3}" destId="{733E0EF0-1FA0-4F94-BEE8-461B892C9F99}" srcOrd="0" destOrd="0" presId="urn:microsoft.com/office/officeart/2005/8/layout/cycle2"/>
    <dgm:cxn modelId="{B4DD49EF-E2BD-4A49-A804-AD7B18127F91}" type="presOf" srcId="{A59AA7F0-56E4-41B2-8EEA-61E33CC5C7E6}" destId="{5A3D895A-10C8-458C-9A06-08B816232134}" srcOrd="1" destOrd="0" presId="urn:microsoft.com/office/officeart/2005/8/layout/cycle2"/>
    <dgm:cxn modelId="{C65E01F0-2324-4829-8660-4FF6E71A7776}" srcId="{B118A677-901D-4501-89DF-79ABF8D3935B}" destId="{B9A85ABC-BBC6-46A8-8A84-DAAF96A6B413}" srcOrd="2" destOrd="0" parTransId="{0297952C-63E2-4E14-A356-02FC186317FC}" sibTransId="{241DB423-7F03-4333-9915-C66C510039B0}"/>
    <dgm:cxn modelId="{91DC0FF3-110F-436D-A109-EA85EB588E98}" srcId="{B118A677-901D-4501-89DF-79ABF8D3935B}" destId="{C410CF56-CB2E-43DC-8718-2B18E6D79976}" srcOrd="3" destOrd="0" parTransId="{190972F5-28D8-411D-8015-9EE8551338ED}" sibTransId="{3DF8F1EB-5EFB-49B9-8F74-94F5F87720E8}"/>
    <dgm:cxn modelId="{B52451FF-4DC3-4D0F-A3ED-F5A79F66F50E}" type="presOf" srcId="{B2F803B2-7362-44B8-B917-A82A9F5C7045}" destId="{EFB7B187-C31B-40AD-BE1E-5BA7F7DB24E7}" srcOrd="0" destOrd="0" presId="urn:microsoft.com/office/officeart/2005/8/layout/cycle2"/>
    <dgm:cxn modelId="{8D081AEF-C443-4F2B-A3BE-DCD2C2C83DCE}" type="presParOf" srcId="{C75CA068-B8FA-4E41-AF5E-5E9C35B970CF}" destId="{82208B9D-5B84-4A53-8BD1-061C482929AE}" srcOrd="0" destOrd="0" presId="urn:microsoft.com/office/officeart/2005/8/layout/cycle2"/>
    <dgm:cxn modelId="{1BC1A167-5E62-459F-8DBB-55EADF82A18C}" type="presParOf" srcId="{C75CA068-B8FA-4E41-AF5E-5E9C35B970CF}" destId="{E8FAE9D3-1392-4DA1-84B6-4CCB220C3BB8}" srcOrd="1" destOrd="0" presId="urn:microsoft.com/office/officeart/2005/8/layout/cycle2"/>
    <dgm:cxn modelId="{4A58E40A-77DF-47D8-A1DD-557D58F5CB02}" type="presParOf" srcId="{E8FAE9D3-1392-4DA1-84B6-4CCB220C3BB8}" destId="{B57CADB5-1B31-4D16-A024-FBA616362696}" srcOrd="0" destOrd="0" presId="urn:microsoft.com/office/officeart/2005/8/layout/cycle2"/>
    <dgm:cxn modelId="{443DF7F9-1F96-424A-8410-6FA815CBF22C}" type="presParOf" srcId="{C75CA068-B8FA-4E41-AF5E-5E9C35B970CF}" destId="{4209AC67-8E4C-4312-AD4A-E7747A1C1EDB}" srcOrd="2" destOrd="0" presId="urn:microsoft.com/office/officeart/2005/8/layout/cycle2"/>
    <dgm:cxn modelId="{71EC4D1B-5E19-41E4-AE1A-D9E0F2A1AC14}" type="presParOf" srcId="{C75CA068-B8FA-4E41-AF5E-5E9C35B970CF}" destId="{733E0EF0-1FA0-4F94-BEE8-461B892C9F99}" srcOrd="3" destOrd="0" presId="urn:microsoft.com/office/officeart/2005/8/layout/cycle2"/>
    <dgm:cxn modelId="{16BC9025-2225-4CDB-AE00-26D5AC616F3B}" type="presParOf" srcId="{733E0EF0-1FA0-4F94-BEE8-461B892C9F99}" destId="{7FF60AB9-00AF-4E96-8BA7-037BD5C7E5A3}" srcOrd="0" destOrd="0" presId="urn:microsoft.com/office/officeart/2005/8/layout/cycle2"/>
    <dgm:cxn modelId="{FDB860C3-DADB-4305-AB62-6A3BE6A9AC11}" type="presParOf" srcId="{C75CA068-B8FA-4E41-AF5E-5E9C35B970CF}" destId="{3D28F87A-A54F-4F9E-93D0-051E140E9CB8}" srcOrd="4" destOrd="0" presId="urn:microsoft.com/office/officeart/2005/8/layout/cycle2"/>
    <dgm:cxn modelId="{94DE3202-2104-4713-A3A8-8592083EC695}" type="presParOf" srcId="{C75CA068-B8FA-4E41-AF5E-5E9C35B970CF}" destId="{222EE20C-312F-49E9-A1FD-0D95FA7C24E1}" srcOrd="5" destOrd="0" presId="urn:microsoft.com/office/officeart/2005/8/layout/cycle2"/>
    <dgm:cxn modelId="{7CD3866B-E6A8-4B1A-AE9E-623A83E9936A}" type="presParOf" srcId="{222EE20C-312F-49E9-A1FD-0D95FA7C24E1}" destId="{DDAA37DD-516F-48B4-9C36-1122FAAD53FD}" srcOrd="0" destOrd="0" presId="urn:microsoft.com/office/officeart/2005/8/layout/cycle2"/>
    <dgm:cxn modelId="{2E13FDA4-91BE-4BC0-B542-E4B9F27B6F6D}" type="presParOf" srcId="{C75CA068-B8FA-4E41-AF5E-5E9C35B970CF}" destId="{9E72C8EC-FC87-45A1-81BD-5C62AFED15E0}" srcOrd="6" destOrd="0" presId="urn:microsoft.com/office/officeart/2005/8/layout/cycle2"/>
    <dgm:cxn modelId="{FF664032-3501-441B-A980-B680C019890B}" type="presParOf" srcId="{C75CA068-B8FA-4E41-AF5E-5E9C35B970CF}" destId="{4172FDB8-FD75-44E6-B636-F169466EA6F2}" srcOrd="7" destOrd="0" presId="urn:microsoft.com/office/officeart/2005/8/layout/cycle2"/>
    <dgm:cxn modelId="{F8B48CBC-D701-4B6F-B136-C2AD926A5D92}" type="presParOf" srcId="{4172FDB8-FD75-44E6-B636-F169466EA6F2}" destId="{17467B67-A001-4B8A-B8DA-78DC25A04957}" srcOrd="0" destOrd="0" presId="urn:microsoft.com/office/officeart/2005/8/layout/cycle2"/>
    <dgm:cxn modelId="{AFDB771F-83A1-4F4E-94AE-26FE8B54590B}" type="presParOf" srcId="{C75CA068-B8FA-4E41-AF5E-5E9C35B970CF}" destId="{C5FBF30B-7429-4704-90D2-4454965FD314}" srcOrd="8" destOrd="0" presId="urn:microsoft.com/office/officeart/2005/8/layout/cycle2"/>
    <dgm:cxn modelId="{DDF3DEFE-C044-4BC5-B9A8-DBB0DFE2092B}" type="presParOf" srcId="{C75CA068-B8FA-4E41-AF5E-5E9C35B970CF}" destId="{9BDCB39E-9B45-4116-ADAB-0FEE6C6B1C4B}" srcOrd="9" destOrd="0" presId="urn:microsoft.com/office/officeart/2005/8/layout/cycle2"/>
    <dgm:cxn modelId="{C4EB160D-46A1-4B4D-AA4C-9F77206057B3}" type="presParOf" srcId="{9BDCB39E-9B45-4116-ADAB-0FEE6C6B1C4B}" destId="{D128A369-76A0-4D4D-835F-808E2E70F7D2}" srcOrd="0" destOrd="0" presId="urn:microsoft.com/office/officeart/2005/8/layout/cycle2"/>
    <dgm:cxn modelId="{4BA6910B-0A98-4E6B-B908-A70E2B962093}" type="presParOf" srcId="{C75CA068-B8FA-4E41-AF5E-5E9C35B970CF}" destId="{72DBBB8A-A9D2-4A5B-A5A3-76FDD3B65AE9}" srcOrd="10" destOrd="0" presId="urn:microsoft.com/office/officeart/2005/8/layout/cycle2"/>
    <dgm:cxn modelId="{A1E02D38-E229-4F55-98A7-06C1F61C4200}" type="presParOf" srcId="{C75CA068-B8FA-4E41-AF5E-5E9C35B970CF}" destId="{5C8BDD24-6C65-47C3-86C6-768CD8448650}" srcOrd="11" destOrd="0" presId="urn:microsoft.com/office/officeart/2005/8/layout/cycle2"/>
    <dgm:cxn modelId="{FA75B905-9B4D-4E45-8A27-772B86CF68B2}" type="presParOf" srcId="{5C8BDD24-6C65-47C3-86C6-768CD8448650}" destId="{9591738F-221A-46C9-9612-3024E355C661}" srcOrd="0" destOrd="0" presId="urn:microsoft.com/office/officeart/2005/8/layout/cycle2"/>
    <dgm:cxn modelId="{ECA79A72-C194-4C52-BDAD-B95471163FDD}" type="presParOf" srcId="{C75CA068-B8FA-4E41-AF5E-5E9C35B970CF}" destId="{35D7121D-85F0-4E7F-8752-D7A676C355D2}" srcOrd="12" destOrd="0" presId="urn:microsoft.com/office/officeart/2005/8/layout/cycle2"/>
    <dgm:cxn modelId="{B57F1AC5-6C2B-4A95-9858-8D7F0780ADB3}" type="presParOf" srcId="{C75CA068-B8FA-4E41-AF5E-5E9C35B970CF}" destId="{3A8E9418-1B85-41DA-A8B4-76F2AEC9B2DE}" srcOrd="13" destOrd="0" presId="urn:microsoft.com/office/officeart/2005/8/layout/cycle2"/>
    <dgm:cxn modelId="{1025F85C-3C48-4AA4-B742-8FBFF1DB4C84}" type="presParOf" srcId="{3A8E9418-1B85-41DA-A8B4-76F2AEC9B2DE}" destId="{5A3D895A-10C8-458C-9A06-08B816232134}" srcOrd="0" destOrd="0" presId="urn:microsoft.com/office/officeart/2005/8/layout/cycle2"/>
    <dgm:cxn modelId="{39DB532B-4F29-41E2-A709-697B4F966F87}" type="presParOf" srcId="{C75CA068-B8FA-4E41-AF5E-5E9C35B970CF}" destId="{1A417AE2-7DCE-4A5B-AA84-E44756AEBA25}" srcOrd="14" destOrd="0" presId="urn:microsoft.com/office/officeart/2005/8/layout/cycle2"/>
    <dgm:cxn modelId="{3F10AFBA-5A45-401B-860B-00881AD831D1}" type="presParOf" srcId="{C75CA068-B8FA-4E41-AF5E-5E9C35B970CF}" destId="{7DA4E6F5-5F82-4992-89FB-9A13017CE0DB}" srcOrd="15" destOrd="0" presId="urn:microsoft.com/office/officeart/2005/8/layout/cycle2"/>
    <dgm:cxn modelId="{2AB126A4-4BCB-477A-B91F-DA65ADD765DD}" type="presParOf" srcId="{7DA4E6F5-5F82-4992-89FB-9A13017CE0DB}" destId="{627745EE-3BBA-4490-8B73-15AA4EE90DE8}" srcOrd="0" destOrd="0" presId="urn:microsoft.com/office/officeart/2005/8/layout/cycle2"/>
    <dgm:cxn modelId="{5D3907F2-1F91-44D7-9550-2348D8B32F65}" type="presParOf" srcId="{C75CA068-B8FA-4E41-AF5E-5E9C35B970CF}" destId="{CDB41F4F-688C-4490-B89A-F947556A62B7}" srcOrd="16" destOrd="0" presId="urn:microsoft.com/office/officeart/2005/8/layout/cycle2"/>
    <dgm:cxn modelId="{A88536CB-FDB0-42E7-BCB5-6BFC1D745E22}" type="presParOf" srcId="{C75CA068-B8FA-4E41-AF5E-5E9C35B970CF}" destId="{EFB7B187-C31B-40AD-BE1E-5BA7F7DB24E7}" srcOrd="17" destOrd="0" presId="urn:microsoft.com/office/officeart/2005/8/layout/cycle2"/>
    <dgm:cxn modelId="{B837ACAC-24CF-43A7-884B-FCA928A46498}" type="presParOf" srcId="{EFB7B187-C31B-40AD-BE1E-5BA7F7DB24E7}" destId="{D1598D26-F537-4878-977E-1292BAB1AC8C}" srcOrd="0" destOrd="0" presId="urn:microsoft.com/office/officeart/2005/8/layout/cycle2"/>
    <dgm:cxn modelId="{EEC3011F-3FE4-41E6-B627-069E851C0B52}" type="presParOf" srcId="{C75CA068-B8FA-4E41-AF5E-5E9C35B970CF}" destId="{34E71618-BC08-4DDB-8255-A70153FCCC66}" srcOrd="18" destOrd="0" presId="urn:microsoft.com/office/officeart/2005/8/layout/cycle2"/>
    <dgm:cxn modelId="{ABB5EA70-E4A6-4B61-AF79-63EAD5406AAB}" type="presParOf" srcId="{C75CA068-B8FA-4E41-AF5E-5E9C35B970CF}" destId="{837037DB-FD11-48C1-8969-B6A62613B709}" srcOrd="19" destOrd="0" presId="urn:microsoft.com/office/officeart/2005/8/layout/cycle2"/>
    <dgm:cxn modelId="{DF62338A-7A9B-49A3-8DF4-DE72671CE66D}" type="presParOf" srcId="{837037DB-FD11-48C1-8969-B6A62613B709}" destId="{4AE07AC6-7BCC-4259-9258-302018F09847}" srcOrd="0" destOrd="0" presId="urn:microsoft.com/office/officeart/2005/8/layout/cycle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9567D971-7207-40DE-8CE4-A0A20534CBD0}"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US"/>
        </a:p>
      </dgm:t>
    </dgm:pt>
    <dgm:pt modelId="{3AD524C8-6450-4EDB-A668-14276E2D1A94}">
      <dgm:prSet phldrT="[Text]" custT="1"/>
      <dgm:spPr/>
      <dgm:t>
        <a:bodyPr/>
        <a:lstStyle/>
        <a:p>
          <a:r>
            <a:rPr lang="en-US" sz="1400" b="1" dirty="0">
              <a:ln>
                <a:noFill/>
              </a:ln>
              <a:solidFill>
                <a:sysClr val="windowText" lastClr="000000"/>
              </a:solidFill>
            </a:rPr>
            <a:t>Functional &amp; Useful M&amp;E System</a:t>
          </a:r>
          <a:endParaRPr lang="en-US" sz="1400" dirty="0">
            <a:ln>
              <a:noFill/>
            </a:ln>
            <a:solidFill>
              <a:sysClr val="windowText" lastClr="000000"/>
            </a:solidFill>
          </a:endParaRPr>
        </a:p>
      </dgm:t>
    </dgm:pt>
    <dgm:pt modelId="{9FE45587-6D36-448F-BC1F-4500CBC0A054}" type="parTrans" cxnId="{3BAE5F3C-EF71-4562-AF71-EC9258A4356A}">
      <dgm:prSet/>
      <dgm:spPr/>
      <dgm:t>
        <a:bodyPr/>
        <a:lstStyle/>
        <a:p>
          <a:endParaRPr lang="en-US" sz="1400">
            <a:ln>
              <a:noFill/>
            </a:ln>
            <a:solidFill>
              <a:sysClr val="windowText" lastClr="000000"/>
            </a:solidFill>
          </a:endParaRPr>
        </a:p>
      </dgm:t>
    </dgm:pt>
    <dgm:pt modelId="{24F4F9FD-15D5-4E2F-B5DA-63B50B1F0DD1}" type="sibTrans" cxnId="{3BAE5F3C-EF71-4562-AF71-EC9258A4356A}">
      <dgm:prSet/>
      <dgm:spPr/>
      <dgm:t>
        <a:bodyPr/>
        <a:lstStyle/>
        <a:p>
          <a:endParaRPr lang="en-US" sz="1400">
            <a:ln>
              <a:noFill/>
            </a:ln>
            <a:solidFill>
              <a:sysClr val="windowText" lastClr="000000"/>
            </a:solidFill>
          </a:endParaRPr>
        </a:p>
      </dgm:t>
    </dgm:pt>
    <dgm:pt modelId="{A30E6A28-DBD8-435F-BF5E-F3B604A5F5A3}">
      <dgm:prSet phldrT="[Text]" custT="1"/>
      <dgm:spPr>
        <a:solidFill>
          <a:schemeClr val="accent2"/>
        </a:solidFill>
      </dgm:spPr>
      <dgm:t>
        <a:bodyPr/>
        <a:lstStyle/>
        <a:p>
          <a:r>
            <a:rPr lang="en-US" sz="1400" dirty="0">
              <a:ln>
                <a:noFill/>
              </a:ln>
              <a:solidFill>
                <a:sysClr val="windowText" lastClr="000000"/>
              </a:solidFill>
            </a:rPr>
            <a:t>1. Data Demand</a:t>
          </a:r>
        </a:p>
      </dgm:t>
    </dgm:pt>
    <dgm:pt modelId="{13EBBFC6-55A6-4FEF-BF00-2533489F5D0C}" type="parTrans" cxnId="{8BE806D8-309D-48B6-ACD8-C460F12FA534}">
      <dgm:prSet/>
      <dgm:spPr/>
      <dgm:t>
        <a:bodyPr/>
        <a:lstStyle/>
        <a:p>
          <a:endParaRPr lang="en-US" sz="1400">
            <a:ln>
              <a:noFill/>
            </a:ln>
            <a:solidFill>
              <a:sysClr val="windowText" lastClr="000000"/>
            </a:solidFill>
          </a:endParaRPr>
        </a:p>
      </dgm:t>
    </dgm:pt>
    <dgm:pt modelId="{15F5780F-C5A7-4B9F-A844-F79BC227DECD}" type="sibTrans" cxnId="{8BE806D8-309D-48B6-ACD8-C460F12FA534}">
      <dgm:prSet/>
      <dgm:spPr/>
      <dgm:t>
        <a:bodyPr/>
        <a:lstStyle/>
        <a:p>
          <a:endParaRPr lang="en-US" sz="1400">
            <a:ln>
              <a:noFill/>
            </a:ln>
            <a:solidFill>
              <a:sysClr val="windowText" lastClr="000000"/>
            </a:solidFill>
          </a:endParaRPr>
        </a:p>
      </dgm:t>
    </dgm:pt>
    <dgm:pt modelId="{26AD6EC9-93F9-4AD9-A99A-6BC261C6A722}">
      <dgm:prSet phldrT="[Text]" custT="1"/>
      <dgm:spPr/>
      <dgm:t>
        <a:bodyPr/>
        <a:lstStyle/>
        <a:p>
          <a:pPr algn="ctr"/>
          <a:r>
            <a:rPr lang="en-US" sz="1400" b="1" dirty="0">
              <a:ln>
                <a:noFill/>
              </a:ln>
              <a:solidFill>
                <a:sysClr val="windowText" lastClr="000000"/>
              </a:solidFill>
            </a:rPr>
            <a:t>Objective: </a:t>
          </a:r>
          <a:endParaRPr lang="en-US" sz="1400" dirty="0">
            <a:ln>
              <a:noFill/>
            </a:ln>
            <a:solidFill>
              <a:sysClr val="windowText" lastClr="000000"/>
            </a:solidFill>
          </a:endParaRPr>
        </a:p>
      </dgm:t>
    </dgm:pt>
    <dgm:pt modelId="{0B985CA1-1A72-40BA-A55D-6DDADD7BF185}" type="parTrans" cxnId="{A50D5500-60E7-4741-9525-1F4E789A0791}">
      <dgm:prSet/>
      <dgm:spPr/>
      <dgm:t>
        <a:bodyPr/>
        <a:lstStyle/>
        <a:p>
          <a:endParaRPr lang="en-US" sz="1400">
            <a:ln>
              <a:noFill/>
            </a:ln>
            <a:solidFill>
              <a:sysClr val="windowText" lastClr="000000"/>
            </a:solidFill>
          </a:endParaRPr>
        </a:p>
      </dgm:t>
    </dgm:pt>
    <dgm:pt modelId="{510E31D6-3364-465F-A977-77BAABA85972}" type="sibTrans" cxnId="{A50D5500-60E7-4741-9525-1F4E789A0791}">
      <dgm:prSet/>
      <dgm:spPr/>
      <dgm:t>
        <a:bodyPr/>
        <a:lstStyle/>
        <a:p>
          <a:endParaRPr lang="en-US" sz="1400">
            <a:ln>
              <a:noFill/>
            </a:ln>
            <a:solidFill>
              <a:sysClr val="windowText" lastClr="000000"/>
            </a:solidFill>
          </a:endParaRPr>
        </a:p>
      </dgm:t>
    </dgm:pt>
    <dgm:pt modelId="{BF1956AC-682C-46D5-9A55-8676D57D0328}">
      <dgm:prSet phldrT="[Text]" custT="1"/>
      <dgm:spPr>
        <a:solidFill>
          <a:schemeClr val="accent2"/>
        </a:solidFill>
      </dgm:spPr>
      <dgm:t>
        <a:bodyPr/>
        <a:lstStyle/>
        <a:p>
          <a:pPr algn="ctr"/>
          <a:r>
            <a:rPr lang="en-US" sz="1400" dirty="0">
              <a:ln>
                <a:noFill/>
              </a:ln>
              <a:solidFill>
                <a:sysClr val="windowText" lastClr="000000"/>
              </a:solidFill>
            </a:rPr>
            <a:t>Outcomes:</a:t>
          </a:r>
        </a:p>
      </dgm:t>
    </dgm:pt>
    <dgm:pt modelId="{9C3079A6-69F9-4E41-A8C6-E179594383C5}" type="parTrans" cxnId="{24BD031B-A2D4-4373-82E2-AD14068B67A3}">
      <dgm:prSet/>
      <dgm:spPr/>
      <dgm:t>
        <a:bodyPr/>
        <a:lstStyle/>
        <a:p>
          <a:endParaRPr lang="en-US" sz="1400">
            <a:ln>
              <a:noFill/>
            </a:ln>
            <a:solidFill>
              <a:sysClr val="windowText" lastClr="000000"/>
            </a:solidFill>
          </a:endParaRPr>
        </a:p>
      </dgm:t>
    </dgm:pt>
    <dgm:pt modelId="{E2F6E39D-37CD-43F5-8497-DD17F9483526}" type="sibTrans" cxnId="{24BD031B-A2D4-4373-82E2-AD14068B67A3}">
      <dgm:prSet/>
      <dgm:spPr/>
      <dgm:t>
        <a:bodyPr/>
        <a:lstStyle/>
        <a:p>
          <a:endParaRPr lang="en-US" sz="1400">
            <a:ln>
              <a:noFill/>
            </a:ln>
            <a:solidFill>
              <a:sysClr val="windowText" lastClr="000000"/>
            </a:solidFill>
          </a:endParaRPr>
        </a:p>
      </dgm:t>
    </dgm:pt>
    <dgm:pt modelId="{3E2449B9-B1EA-4A56-921A-85B91721E4AE}">
      <dgm:prSet phldrT="[Text]" custT="1"/>
      <dgm:spPr>
        <a:solidFill>
          <a:schemeClr val="accent2"/>
        </a:solidFill>
      </dgm:spPr>
      <dgm:t>
        <a:bodyPr/>
        <a:lstStyle/>
        <a:p>
          <a:r>
            <a:rPr lang="en-US" sz="1400" dirty="0">
              <a:ln>
                <a:noFill/>
              </a:ln>
              <a:solidFill>
                <a:sysClr val="windowText" lastClr="000000"/>
              </a:solidFill>
            </a:rPr>
            <a:t>5. Administer M&amp;E Activities</a:t>
          </a:r>
        </a:p>
      </dgm:t>
    </dgm:pt>
    <dgm:pt modelId="{31BBFF02-81B5-4143-93BD-8B52410468DF}" type="parTrans" cxnId="{DB4DB783-2AF6-417E-A82E-7D16903347DE}">
      <dgm:prSet/>
      <dgm:spPr/>
      <dgm:t>
        <a:bodyPr/>
        <a:lstStyle/>
        <a:p>
          <a:endParaRPr lang="en-US" sz="1400">
            <a:ln>
              <a:noFill/>
            </a:ln>
            <a:solidFill>
              <a:sysClr val="windowText" lastClr="000000"/>
            </a:solidFill>
          </a:endParaRPr>
        </a:p>
      </dgm:t>
    </dgm:pt>
    <dgm:pt modelId="{79034042-E6E2-4FB6-A1DC-9F58F54D71A7}" type="sibTrans" cxnId="{DB4DB783-2AF6-417E-A82E-7D16903347DE}">
      <dgm:prSet/>
      <dgm:spPr/>
      <dgm:t>
        <a:bodyPr/>
        <a:lstStyle/>
        <a:p>
          <a:endParaRPr lang="en-US" sz="1400">
            <a:ln>
              <a:noFill/>
            </a:ln>
            <a:solidFill>
              <a:sysClr val="windowText" lastClr="000000"/>
            </a:solidFill>
          </a:endParaRPr>
        </a:p>
      </dgm:t>
    </dgm:pt>
    <dgm:pt modelId="{213E6ACA-5522-46BA-A2C9-6DD292D670D8}">
      <dgm:prSet phldrT="[Text]" custT="1"/>
      <dgm:spPr>
        <a:solidFill>
          <a:schemeClr val="accent2"/>
        </a:solidFill>
      </dgm:spPr>
      <dgm:t>
        <a:bodyPr/>
        <a:lstStyle/>
        <a:p>
          <a:r>
            <a:rPr lang="en-US" sz="1400" dirty="0">
              <a:ln>
                <a:noFill/>
              </a:ln>
              <a:solidFill>
                <a:sysClr val="windowText" lastClr="000000"/>
              </a:solidFill>
            </a:rPr>
            <a:t>2. Data Collection,  Processing, Management</a:t>
          </a:r>
        </a:p>
      </dgm:t>
    </dgm:pt>
    <dgm:pt modelId="{945A9356-2F5D-46EC-9E0F-01D28729E1B3}" type="parTrans" cxnId="{8364A520-5AB5-4334-94AD-2CD3ACEB27FC}">
      <dgm:prSet/>
      <dgm:spPr/>
      <dgm:t>
        <a:bodyPr/>
        <a:lstStyle/>
        <a:p>
          <a:endParaRPr lang="en-US" sz="1400">
            <a:ln>
              <a:noFill/>
            </a:ln>
            <a:solidFill>
              <a:sysClr val="windowText" lastClr="000000"/>
            </a:solidFill>
          </a:endParaRPr>
        </a:p>
      </dgm:t>
    </dgm:pt>
    <dgm:pt modelId="{9F7E137F-C539-48B6-BD7E-E595F8DC7B68}" type="sibTrans" cxnId="{8364A520-5AB5-4334-94AD-2CD3ACEB27FC}">
      <dgm:prSet/>
      <dgm:spPr/>
      <dgm:t>
        <a:bodyPr/>
        <a:lstStyle/>
        <a:p>
          <a:endParaRPr lang="en-US" sz="1400">
            <a:ln>
              <a:noFill/>
            </a:ln>
            <a:solidFill>
              <a:sysClr val="windowText" lastClr="000000"/>
            </a:solidFill>
          </a:endParaRPr>
        </a:p>
      </dgm:t>
    </dgm:pt>
    <dgm:pt modelId="{753BA08F-F460-4B7E-885D-3B9F5A196814}">
      <dgm:prSet phldrT="[Text]" custT="1"/>
      <dgm:spPr>
        <a:solidFill>
          <a:schemeClr val="accent2"/>
        </a:solidFill>
      </dgm:spPr>
      <dgm:t>
        <a:bodyPr/>
        <a:lstStyle/>
        <a:p>
          <a:r>
            <a:rPr lang="en-US" sz="1400" dirty="0">
              <a:ln>
                <a:noFill/>
              </a:ln>
              <a:solidFill>
                <a:sysClr val="windowText" lastClr="000000"/>
              </a:solidFill>
            </a:rPr>
            <a:t>3. Information Availability</a:t>
          </a:r>
        </a:p>
      </dgm:t>
    </dgm:pt>
    <dgm:pt modelId="{C2ED1EC0-8204-4B1C-8008-09C739D39E9B}" type="parTrans" cxnId="{3BC7099F-1890-4752-A29A-7ECE75F3ACC8}">
      <dgm:prSet/>
      <dgm:spPr/>
      <dgm:t>
        <a:bodyPr/>
        <a:lstStyle/>
        <a:p>
          <a:endParaRPr lang="en-US" sz="1400">
            <a:ln>
              <a:noFill/>
            </a:ln>
            <a:solidFill>
              <a:sysClr val="windowText" lastClr="000000"/>
            </a:solidFill>
          </a:endParaRPr>
        </a:p>
      </dgm:t>
    </dgm:pt>
    <dgm:pt modelId="{BAA2CE5A-6A03-4864-A81A-2C3D5ACC9328}" type="sibTrans" cxnId="{3BC7099F-1890-4752-A29A-7ECE75F3ACC8}">
      <dgm:prSet/>
      <dgm:spPr/>
      <dgm:t>
        <a:bodyPr/>
        <a:lstStyle/>
        <a:p>
          <a:endParaRPr lang="en-US" sz="1400">
            <a:ln>
              <a:noFill/>
            </a:ln>
            <a:solidFill>
              <a:sysClr val="windowText" lastClr="000000"/>
            </a:solidFill>
          </a:endParaRPr>
        </a:p>
      </dgm:t>
    </dgm:pt>
    <dgm:pt modelId="{37A3CFE0-3871-4809-AA5C-4476BF7EFF78}">
      <dgm:prSet phldrT="[Text]" custT="1"/>
      <dgm:spPr>
        <a:solidFill>
          <a:schemeClr val="accent2"/>
        </a:solidFill>
      </dgm:spPr>
      <dgm:t>
        <a:bodyPr/>
        <a:lstStyle/>
        <a:p>
          <a:r>
            <a:rPr lang="en-US" sz="1400" dirty="0">
              <a:ln>
                <a:noFill/>
              </a:ln>
              <a:solidFill>
                <a:sysClr val="windowText" lastClr="000000"/>
              </a:solidFill>
            </a:rPr>
            <a:t>4. Information Use</a:t>
          </a:r>
        </a:p>
      </dgm:t>
    </dgm:pt>
    <dgm:pt modelId="{0140C3A0-931E-40F5-A0C0-9DACC55A6970}" type="parTrans" cxnId="{6BD81881-1DA8-4D41-8883-BDA756A1D042}">
      <dgm:prSet/>
      <dgm:spPr/>
      <dgm:t>
        <a:bodyPr/>
        <a:lstStyle/>
        <a:p>
          <a:endParaRPr lang="en-US" sz="1400">
            <a:ln>
              <a:noFill/>
            </a:ln>
            <a:solidFill>
              <a:sysClr val="windowText" lastClr="000000"/>
            </a:solidFill>
          </a:endParaRPr>
        </a:p>
      </dgm:t>
    </dgm:pt>
    <dgm:pt modelId="{C6409F56-DC9E-4A7F-85B9-67A5D434ED27}" type="sibTrans" cxnId="{6BD81881-1DA8-4D41-8883-BDA756A1D042}">
      <dgm:prSet/>
      <dgm:spPr/>
      <dgm:t>
        <a:bodyPr/>
        <a:lstStyle/>
        <a:p>
          <a:endParaRPr lang="en-US" sz="1400">
            <a:ln>
              <a:noFill/>
            </a:ln>
            <a:solidFill>
              <a:sysClr val="windowText" lastClr="000000"/>
            </a:solidFill>
          </a:endParaRPr>
        </a:p>
      </dgm:t>
    </dgm:pt>
    <dgm:pt modelId="{07FAF2FE-ED7A-450D-89F1-C8EF3EE1138B}" type="pres">
      <dgm:prSet presAssocID="{9567D971-7207-40DE-8CE4-A0A20534CBD0}" presName="mainComposite" presStyleCnt="0">
        <dgm:presLayoutVars>
          <dgm:chPref val="1"/>
          <dgm:dir/>
          <dgm:animOne val="branch"/>
          <dgm:animLvl val="lvl"/>
          <dgm:resizeHandles val="exact"/>
        </dgm:presLayoutVars>
      </dgm:prSet>
      <dgm:spPr/>
    </dgm:pt>
    <dgm:pt modelId="{1E303FE0-D4B4-4FC4-9396-9A15DF859061}" type="pres">
      <dgm:prSet presAssocID="{9567D971-7207-40DE-8CE4-A0A20534CBD0}" presName="hierFlow" presStyleCnt="0"/>
      <dgm:spPr/>
    </dgm:pt>
    <dgm:pt modelId="{B3B5D74B-8BF5-4EEA-9CD9-32EAB6CB9246}" type="pres">
      <dgm:prSet presAssocID="{9567D971-7207-40DE-8CE4-A0A20534CBD0}" presName="firstBuf" presStyleCnt="0"/>
      <dgm:spPr/>
    </dgm:pt>
    <dgm:pt modelId="{3589CE01-BB58-476C-8B16-AFFF9F44D365}" type="pres">
      <dgm:prSet presAssocID="{9567D971-7207-40DE-8CE4-A0A20534CBD0}" presName="hierChild1" presStyleCnt="0">
        <dgm:presLayoutVars>
          <dgm:chPref val="1"/>
          <dgm:animOne val="branch"/>
          <dgm:animLvl val="lvl"/>
        </dgm:presLayoutVars>
      </dgm:prSet>
      <dgm:spPr/>
    </dgm:pt>
    <dgm:pt modelId="{3592CE8E-2C3C-4D28-89CC-60309474635E}" type="pres">
      <dgm:prSet presAssocID="{3AD524C8-6450-4EDB-A668-14276E2D1A94}" presName="Name17" presStyleCnt="0"/>
      <dgm:spPr/>
    </dgm:pt>
    <dgm:pt modelId="{A20A70B0-9FDE-4579-9A85-88B02A2E608A}" type="pres">
      <dgm:prSet presAssocID="{3AD524C8-6450-4EDB-A668-14276E2D1A94}" presName="level1Shape" presStyleLbl="node0" presStyleIdx="0" presStyleCnt="1" custScaleX="131335" custLinFactNeighborX="3126">
        <dgm:presLayoutVars>
          <dgm:chPref val="3"/>
        </dgm:presLayoutVars>
      </dgm:prSet>
      <dgm:spPr/>
    </dgm:pt>
    <dgm:pt modelId="{8ACAE010-BD59-415E-A463-68261AEA84A6}" type="pres">
      <dgm:prSet presAssocID="{3AD524C8-6450-4EDB-A668-14276E2D1A94}" presName="hierChild2" presStyleCnt="0"/>
      <dgm:spPr/>
    </dgm:pt>
    <dgm:pt modelId="{FF4E8691-E350-43B3-9083-FEECBB2340A4}" type="pres">
      <dgm:prSet presAssocID="{13EBBFC6-55A6-4FEF-BF00-2533489F5D0C}" presName="Name25" presStyleLbl="parChTrans1D2" presStyleIdx="0" presStyleCnt="5"/>
      <dgm:spPr/>
    </dgm:pt>
    <dgm:pt modelId="{E047DAAD-669D-4544-8258-7EBFEED32419}" type="pres">
      <dgm:prSet presAssocID="{13EBBFC6-55A6-4FEF-BF00-2533489F5D0C}" presName="connTx" presStyleLbl="parChTrans1D2" presStyleIdx="0" presStyleCnt="5"/>
      <dgm:spPr/>
    </dgm:pt>
    <dgm:pt modelId="{29A43BA3-2070-475E-B314-E2BACD5F8512}" type="pres">
      <dgm:prSet presAssocID="{A30E6A28-DBD8-435F-BF5E-F3B604A5F5A3}" presName="Name30" presStyleCnt="0"/>
      <dgm:spPr/>
    </dgm:pt>
    <dgm:pt modelId="{8B3DDF95-FC0E-4373-B5A0-B87C85C7A039}" type="pres">
      <dgm:prSet presAssocID="{A30E6A28-DBD8-435F-BF5E-F3B604A5F5A3}" presName="level2Shape" presStyleLbl="node2" presStyleIdx="0" presStyleCnt="5" custScaleX="131335" custLinFactNeighborX="9378"/>
      <dgm:spPr/>
    </dgm:pt>
    <dgm:pt modelId="{1ED90FE6-0C3E-4893-BA34-2DD562AD8000}" type="pres">
      <dgm:prSet presAssocID="{A30E6A28-DBD8-435F-BF5E-F3B604A5F5A3}" presName="hierChild3" presStyleCnt="0"/>
      <dgm:spPr/>
    </dgm:pt>
    <dgm:pt modelId="{7478AFD0-B581-4ADB-876A-5D930E53F2A1}" type="pres">
      <dgm:prSet presAssocID="{945A9356-2F5D-46EC-9E0F-01D28729E1B3}" presName="Name25" presStyleLbl="parChTrans1D2" presStyleIdx="1" presStyleCnt="5"/>
      <dgm:spPr/>
    </dgm:pt>
    <dgm:pt modelId="{14BE46D2-B976-497E-9A5C-8BE6D1CC0146}" type="pres">
      <dgm:prSet presAssocID="{945A9356-2F5D-46EC-9E0F-01D28729E1B3}" presName="connTx" presStyleLbl="parChTrans1D2" presStyleIdx="1" presStyleCnt="5"/>
      <dgm:spPr/>
    </dgm:pt>
    <dgm:pt modelId="{7BE0FD57-D59E-4130-B2B1-E629577C3B87}" type="pres">
      <dgm:prSet presAssocID="{213E6ACA-5522-46BA-A2C9-6DD292D670D8}" presName="Name30" presStyleCnt="0"/>
      <dgm:spPr/>
    </dgm:pt>
    <dgm:pt modelId="{743F437C-4266-4108-8546-DA92D068993A}" type="pres">
      <dgm:prSet presAssocID="{213E6ACA-5522-46BA-A2C9-6DD292D670D8}" presName="level2Shape" presStyleLbl="node2" presStyleIdx="1" presStyleCnt="5" custScaleX="131335" custLinFactNeighborX="9378"/>
      <dgm:spPr/>
    </dgm:pt>
    <dgm:pt modelId="{2A633BFB-2E57-4B3A-981F-DDB7132FDB08}" type="pres">
      <dgm:prSet presAssocID="{213E6ACA-5522-46BA-A2C9-6DD292D670D8}" presName="hierChild3" presStyleCnt="0"/>
      <dgm:spPr/>
    </dgm:pt>
    <dgm:pt modelId="{23A7F13A-1775-4D8F-844E-4C3A76CDAC5B}" type="pres">
      <dgm:prSet presAssocID="{C2ED1EC0-8204-4B1C-8008-09C739D39E9B}" presName="Name25" presStyleLbl="parChTrans1D2" presStyleIdx="2" presStyleCnt="5"/>
      <dgm:spPr/>
    </dgm:pt>
    <dgm:pt modelId="{32F1CA72-1234-4151-B804-B909B743C8F7}" type="pres">
      <dgm:prSet presAssocID="{C2ED1EC0-8204-4B1C-8008-09C739D39E9B}" presName="connTx" presStyleLbl="parChTrans1D2" presStyleIdx="2" presStyleCnt="5"/>
      <dgm:spPr/>
    </dgm:pt>
    <dgm:pt modelId="{19C2E477-4FFD-496C-8ADF-FCC3CC0A8BCF}" type="pres">
      <dgm:prSet presAssocID="{753BA08F-F460-4B7E-885D-3B9F5A196814}" presName="Name30" presStyleCnt="0"/>
      <dgm:spPr/>
    </dgm:pt>
    <dgm:pt modelId="{359DA775-31E6-4460-81E4-2ED2A585CC24}" type="pres">
      <dgm:prSet presAssocID="{753BA08F-F460-4B7E-885D-3B9F5A196814}" presName="level2Shape" presStyleLbl="node2" presStyleIdx="2" presStyleCnt="5" custScaleX="131335" custLinFactNeighborX="9378"/>
      <dgm:spPr/>
    </dgm:pt>
    <dgm:pt modelId="{3BF99A57-69DB-4D04-B931-E8BB100A835E}" type="pres">
      <dgm:prSet presAssocID="{753BA08F-F460-4B7E-885D-3B9F5A196814}" presName="hierChild3" presStyleCnt="0"/>
      <dgm:spPr/>
    </dgm:pt>
    <dgm:pt modelId="{B19B6641-C57C-4094-86BB-60F65D018E15}" type="pres">
      <dgm:prSet presAssocID="{0140C3A0-931E-40F5-A0C0-9DACC55A6970}" presName="Name25" presStyleLbl="parChTrans1D2" presStyleIdx="3" presStyleCnt="5"/>
      <dgm:spPr/>
    </dgm:pt>
    <dgm:pt modelId="{9DD577F2-D76C-48D5-A2F1-B66341076A47}" type="pres">
      <dgm:prSet presAssocID="{0140C3A0-931E-40F5-A0C0-9DACC55A6970}" presName="connTx" presStyleLbl="parChTrans1D2" presStyleIdx="3" presStyleCnt="5"/>
      <dgm:spPr/>
    </dgm:pt>
    <dgm:pt modelId="{1CDFB42F-2C5F-4D87-877B-112CC6C7C462}" type="pres">
      <dgm:prSet presAssocID="{37A3CFE0-3871-4809-AA5C-4476BF7EFF78}" presName="Name30" presStyleCnt="0"/>
      <dgm:spPr/>
    </dgm:pt>
    <dgm:pt modelId="{664546CA-B3A7-4293-B38E-E812B13A4847}" type="pres">
      <dgm:prSet presAssocID="{37A3CFE0-3871-4809-AA5C-4476BF7EFF78}" presName="level2Shape" presStyleLbl="node2" presStyleIdx="3" presStyleCnt="5" custScaleX="131335" custLinFactNeighborX="9378"/>
      <dgm:spPr/>
    </dgm:pt>
    <dgm:pt modelId="{7BBDE53F-E5BD-4DFF-9B89-8560D4D4D034}" type="pres">
      <dgm:prSet presAssocID="{37A3CFE0-3871-4809-AA5C-4476BF7EFF78}" presName="hierChild3" presStyleCnt="0"/>
      <dgm:spPr/>
    </dgm:pt>
    <dgm:pt modelId="{DBA7C561-2618-4FE5-90B6-A993EEB1077D}" type="pres">
      <dgm:prSet presAssocID="{31BBFF02-81B5-4143-93BD-8B52410468DF}" presName="Name25" presStyleLbl="parChTrans1D2" presStyleIdx="4" presStyleCnt="5"/>
      <dgm:spPr/>
    </dgm:pt>
    <dgm:pt modelId="{403BF905-4DD4-4817-BC84-F1291F009218}" type="pres">
      <dgm:prSet presAssocID="{31BBFF02-81B5-4143-93BD-8B52410468DF}" presName="connTx" presStyleLbl="parChTrans1D2" presStyleIdx="4" presStyleCnt="5"/>
      <dgm:spPr/>
    </dgm:pt>
    <dgm:pt modelId="{8AFD8C92-9E30-427B-BDD0-AF6327BA081D}" type="pres">
      <dgm:prSet presAssocID="{3E2449B9-B1EA-4A56-921A-85B91721E4AE}" presName="Name30" presStyleCnt="0"/>
      <dgm:spPr/>
    </dgm:pt>
    <dgm:pt modelId="{E15B6777-549E-4BDC-90CE-3F57DDBD6452}" type="pres">
      <dgm:prSet presAssocID="{3E2449B9-B1EA-4A56-921A-85B91721E4AE}" presName="level2Shape" presStyleLbl="node2" presStyleIdx="4" presStyleCnt="5" custScaleX="131335" custLinFactNeighborX="9378"/>
      <dgm:spPr/>
    </dgm:pt>
    <dgm:pt modelId="{7E113C1A-BC9F-4F83-9586-AE92B440BBB7}" type="pres">
      <dgm:prSet presAssocID="{3E2449B9-B1EA-4A56-921A-85B91721E4AE}" presName="hierChild3" presStyleCnt="0"/>
      <dgm:spPr/>
    </dgm:pt>
    <dgm:pt modelId="{F59B68D2-EFC1-4B68-AB8F-E5642A117B35}" type="pres">
      <dgm:prSet presAssocID="{9567D971-7207-40DE-8CE4-A0A20534CBD0}" presName="bgShapesFlow" presStyleCnt="0"/>
      <dgm:spPr/>
    </dgm:pt>
    <dgm:pt modelId="{FAD940DD-C7D9-4E7B-8203-3CBE7395EDAA}" type="pres">
      <dgm:prSet presAssocID="{26AD6EC9-93F9-4AD9-A99A-6BC261C6A722}" presName="rectComp" presStyleCnt="0"/>
      <dgm:spPr/>
    </dgm:pt>
    <dgm:pt modelId="{13418BFB-9BC6-43E7-B451-A2DFE3D84DD6}" type="pres">
      <dgm:prSet presAssocID="{26AD6EC9-93F9-4AD9-A99A-6BC261C6A722}" presName="bgRect" presStyleLbl="bgShp" presStyleIdx="0" presStyleCnt="2" custScaleX="131335"/>
      <dgm:spPr/>
    </dgm:pt>
    <dgm:pt modelId="{9C34A67C-ADD4-4FCD-8460-AB259779EFB8}" type="pres">
      <dgm:prSet presAssocID="{26AD6EC9-93F9-4AD9-A99A-6BC261C6A722}" presName="bgRectTx" presStyleLbl="bgShp" presStyleIdx="0" presStyleCnt="2">
        <dgm:presLayoutVars>
          <dgm:bulletEnabled val="1"/>
        </dgm:presLayoutVars>
      </dgm:prSet>
      <dgm:spPr/>
    </dgm:pt>
    <dgm:pt modelId="{8B27A0C3-40B6-4F3D-82F4-D885B0643BBE}" type="pres">
      <dgm:prSet presAssocID="{26AD6EC9-93F9-4AD9-A99A-6BC261C6A722}" presName="spComp" presStyleCnt="0"/>
      <dgm:spPr/>
    </dgm:pt>
    <dgm:pt modelId="{AC273CC2-AE1C-4871-A41F-00F2ED07D5C6}" type="pres">
      <dgm:prSet presAssocID="{26AD6EC9-93F9-4AD9-A99A-6BC261C6A722}" presName="hSp" presStyleCnt="0"/>
      <dgm:spPr/>
    </dgm:pt>
    <dgm:pt modelId="{4D3686F3-0D06-4F74-B2F2-F37BEF018B4C}" type="pres">
      <dgm:prSet presAssocID="{BF1956AC-682C-46D5-9A55-8676D57D0328}" presName="rectComp" presStyleCnt="0"/>
      <dgm:spPr/>
    </dgm:pt>
    <dgm:pt modelId="{22884A2A-8E53-4112-9DE3-DE230261DD52}" type="pres">
      <dgm:prSet presAssocID="{BF1956AC-682C-46D5-9A55-8676D57D0328}" presName="bgRect" presStyleLbl="bgShp" presStyleIdx="1" presStyleCnt="2" custScaleX="131335"/>
      <dgm:spPr/>
    </dgm:pt>
    <dgm:pt modelId="{2B00CA1F-B182-4729-B0E1-95782A2EFF6F}" type="pres">
      <dgm:prSet presAssocID="{BF1956AC-682C-46D5-9A55-8676D57D0328}" presName="bgRectTx" presStyleLbl="bgShp" presStyleIdx="1" presStyleCnt="2">
        <dgm:presLayoutVars>
          <dgm:bulletEnabled val="1"/>
        </dgm:presLayoutVars>
      </dgm:prSet>
      <dgm:spPr/>
    </dgm:pt>
  </dgm:ptLst>
  <dgm:cxnLst>
    <dgm:cxn modelId="{A50D5500-60E7-4741-9525-1F4E789A0791}" srcId="{9567D971-7207-40DE-8CE4-A0A20534CBD0}" destId="{26AD6EC9-93F9-4AD9-A99A-6BC261C6A722}" srcOrd="1" destOrd="0" parTransId="{0B985CA1-1A72-40BA-A55D-6DDADD7BF185}" sibTransId="{510E31D6-3364-465F-A977-77BAABA85972}"/>
    <dgm:cxn modelId="{54E88702-4990-443C-B34A-8018B2342421}" type="presOf" srcId="{C2ED1EC0-8204-4B1C-8008-09C739D39E9B}" destId="{23A7F13A-1775-4D8F-844E-4C3A76CDAC5B}" srcOrd="0" destOrd="0" presId="urn:microsoft.com/office/officeart/2005/8/layout/hierarchy5"/>
    <dgm:cxn modelId="{2EF6860E-107B-4ECF-9DEF-ACDC56231FF4}" type="presOf" srcId="{13EBBFC6-55A6-4FEF-BF00-2533489F5D0C}" destId="{E047DAAD-669D-4544-8258-7EBFEED32419}" srcOrd="1" destOrd="0" presId="urn:microsoft.com/office/officeart/2005/8/layout/hierarchy5"/>
    <dgm:cxn modelId="{59A32112-C381-4A88-BD9A-0ECFB069EC63}" type="presOf" srcId="{213E6ACA-5522-46BA-A2C9-6DD292D670D8}" destId="{743F437C-4266-4108-8546-DA92D068993A}" srcOrd="0" destOrd="0" presId="urn:microsoft.com/office/officeart/2005/8/layout/hierarchy5"/>
    <dgm:cxn modelId="{2011C219-2BA4-4B81-85D8-55AC628522E9}" type="presOf" srcId="{26AD6EC9-93F9-4AD9-A99A-6BC261C6A722}" destId="{9C34A67C-ADD4-4FCD-8460-AB259779EFB8}" srcOrd="1" destOrd="0" presId="urn:microsoft.com/office/officeart/2005/8/layout/hierarchy5"/>
    <dgm:cxn modelId="{24BD031B-A2D4-4373-82E2-AD14068B67A3}" srcId="{9567D971-7207-40DE-8CE4-A0A20534CBD0}" destId="{BF1956AC-682C-46D5-9A55-8676D57D0328}" srcOrd="2" destOrd="0" parTransId="{9C3079A6-69F9-4E41-A8C6-E179594383C5}" sibTransId="{E2F6E39D-37CD-43F5-8497-DD17F9483526}"/>
    <dgm:cxn modelId="{8364A520-5AB5-4334-94AD-2CD3ACEB27FC}" srcId="{3AD524C8-6450-4EDB-A668-14276E2D1A94}" destId="{213E6ACA-5522-46BA-A2C9-6DD292D670D8}" srcOrd="1" destOrd="0" parTransId="{945A9356-2F5D-46EC-9E0F-01D28729E1B3}" sibTransId="{9F7E137F-C539-48B6-BD7E-E595F8DC7B68}"/>
    <dgm:cxn modelId="{3BAE5F3C-EF71-4562-AF71-EC9258A4356A}" srcId="{9567D971-7207-40DE-8CE4-A0A20534CBD0}" destId="{3AD524C8-6450-4EDB-A668-14276E2D1A94}" srcOrd="0" destOrd="0" parTransId="{9FE45587-6D36-448F-BC1F-4500CBC0A054}" sibTransId="{24F4F9FD-15D5-4E2F-B5DA-63B50B1F0DD1}"/>
    <dgm:cxn modelId="{189CEF61-3E44-4EDC-BE6B-E6876F9D3F9C}" type="presOf" srcId="{C2ED1EC0-8204-4B1C-8008-09C739D39E9B}" destId="{32F1CA72-1234-4151-B804-B909B743C8F7}" srcOrd="1" destOrd="0" presId="urn:microsoft.com/office/officeart/2005/8/layout/hierarchy5"/>
    <dgm:cxn modelId="{D39AE667-3971-4274-A745-85F333ED7488}" type="presOf" srcId="{753BA08F-F460-4B7E-885D-3B9F5A196814}" destId="{359DA775-31E6-4460-81E4-2ED2A585CC24}" srcOrd="0" destOrd="0" presId="urn:microsoft.com/office/officeart/2005/8/layout/hierarchy5"/>
    <dgm:cxn modelId="{375DC06D-A66E-4E5F-8652-377144D5909F}" type="presOf" srcId="{3E2449B9-B1EA-4A56-921A-85B91721E4AE}" destId="{E15B6777-549E-4BDC-90CE-3F57DDBD6452}" srcOrd="0" destOrd="0" presId="urn:microsoft.com/office/officeart/2005/8/layout/hierarchy5"/>
    <dgm:cxn modelId="{E583DA70-4CB8-4255-B56F-A82ED917C5AA}" type="presOf" srcId="{13EBBFC6-55A6-4FEF-BF00-2533489F5D0C}" destId="{FF4E8691-E350-43B3-9083-FEECBB2340A4}" srcOrd="0" destOrd="0" presId="urn:microsoft.com/office/officeart/2005/8/layout/hierarchy5"/>
    <dgm:cxn modelId="{E8877774-91D8-406A-B310-6710499D2500}" type="presOf" srcId="{945A9356-2F5D-46EC-9E0F-01D28729E1B3}" destId="{7478AFD0-B581-4ADB-876A-5D930E53F2A1}" srcOrd="0" destOrd="0" presId="urn:microsoft.com/office/officeart/2005/8/layout/hierarchy5"/>
    <dgm:cxn modelId="{F48D487A-08EE-499A-96C5-19A0BDB10C6D}" type="presOf" srcId="{26AD6EC9-93F9-4AD9-A99A-6BC261C6A722}" destId="{13418BFB-9BC6-43E7-B451-A2DFE3D84DD6}" srcOrd="0" destOrd="0" presId="urn:microsoft.com/office/officeart/2005/8/layout/hierarchy5"/>
    <dgm:cxn modelId="{6BD81881-1DA8-4D41-8883-BDA756A1D042}" srcId="{3AD524C8-6450-4EDB-A668-14276E2D1A94}" destId="{37A3CFE0-3871-4809-AA5C-4476BF7EFF78}" srcOrd="3" destOrd="0" parTransId="{0140C3A0-931E-40F5-A0C0-9DACC55A6970}" sibTransId="{C6409F56-DC9E-4A7F-85B9-67A5D434ED27}"/>
    <dgm:cxn modelId="{DB4DB783-2AF6-417E-A82E-7D16903347DE}" srcId="{3AD524C8-6450-4EDB-A668-14276E2D1A94}" destId="{3E2449B9-B1EA-4A56-921A-85B91721E4AE}" srcOrd="4" destOrd="0" parTransId="{31BBFF02-81B5-4143-93BD-8B52410468DF}" sibTransId="{79034042-E6E2-4FB6-A1DC-9F58F54D71A7}"/>
    <dgm:cxn modelId="{0B15F283-2480-45A9-B80D-9D11112F6D42}" type="presOf" srcId="{0140C3A0-931E-40F5-A0C0-9DACC55A6970}" destId="{9DD577F2-D76C-48D5-A2F1-B66341076A47}" srcOrd="1" destOrd="0" presId="urn:microsoft.com/office/officeart/2005/8/layout/hierarchy5"/>
    <dgm:cxn modelId="{E3841787-90B8-4783-A6C3-97A6E4E86AE6}" type="presOf" srcId="{A30E6A28-DBD8-435F-BF5E-F3B604A5F5A3}" destId="{8B3DDF95-FC0E-4373-B5A0-B87C85C7A039}" srcOrd="0" destOrd="0" presId="urn:microsoft.com/office/officeart/2005/8/layout/hierarchy5"/>
    <dgm:cxn modelId="{3BC7099F-1890-4752-A29A-7ECE75F3ACC8}" srcId="{3AD524C8-6450-4EDB-A668-14276E2D1A94}" destId="{753BA08F-F460-4B7E-885D-3B9F5A196814}" srcOrd="2" destOrd="0" parTransId="{C2ED1EC0-8204-4B1C-8008-09C739D39E9B}" sibTransId="{BAA2CE5A-6A03-4864-A81A-2C3D5ACC9328}"/>
    <dgm:cxn modelId="{74153DB5-2854-4204-BE0D-4EA1557C4ECC}" type="presOf" srcId="{31BBFF02-81B5-4143-93BD-8B52410468DF}" destId="{403BF905-4DD4-4817-BC84-F1291F009218}" srcOrd="1" destOrd="0" presId="urn:microsoft.com/office/officeart/2005/8/layout/hierarchy5"/>
    <dgm:cxn modelId="{CF9E41C2-598E-4423-BEEE-153DBAE526F5}" type="presOf" srcId="{37A3CFE0-3871-4809-AA5C-4476BF7EFF78}" destId="{664546CA-B3A7-4293-B38E-E812B13A4847}" srcOrd="0" destOrd="0" presId="urn:microsoft.com/office/officeart/2005/8/layout/hierarchy5"/>
    <dgm:cxn modelId="{10E258C6-88D5-4B25-9213-77AD4CABB1DE}" type="presOf" srcId="{9567D971-7207-40DE-8CE4-A0A20534CBD0}" destId="{07FAF2FE-ED7A-450D-89F1-C8EF3EE1138B}" srcOrd="0" destOrd="0" presId="urn:microsoft.com/office/officeart/2005/8/layout/hierarchy5"/>
    <dgm:cxn modelId="{E3033CCF-8236-439A-8809-48916343A8E0}" type="presOf" srcId="{BF1956AC-682C-46D5-9A55-8676D57D0328}" destId="{22884A2A-8E53-4112-9DE3-DE230261DD52}" srcOrd="0" destOrd="0" presId="urn:microsoft.com/office/officeart/2005/8/layout/hierarchy5"/>
    <dgm:cxn modelId="{4B6936D1-C865-41A8-9710-934AC7EEFC2A}" type="presOf" srcId="{3AD524C8-6450-4EDB-A668-14276E2D1A94}" destId="{A20A70B0-9FDE-4579-9A85-88B02A2E608A}" srcOrd="0" destOrd="0" presId="urn:microsoft.com/office/officeart/2005/8/layout/hierarchy5"/>
    <dgm:cxn modelId="{8BE806D8-309D-48B6-ACD8-C460F12FA534}" srcId="{3AD524C8-6450-4EDB-A668-14276E2D1A94}" destId="{A30E6A28-DBD8-435F-BF5E-F3B604A5F5A3}" srcOrd="0" destOrd="0" parTransId="{13EBBFC6-55A6-4FEF-BF00-2533489F5D0C}" sibTransId="{15F5780F-C5A7-4B9F-A844-F79BC227DECD}"/>
    <dgm:cxn modelId="{471588D8-3CF9-4EB5-BB1F-C0F7FB94EF3F}" type="presOf" srcId="{31BBFF02-81B5-4143-93BD-8B52410468DF}" destId="{DBA7C561-2618-4FE5-90B6-A993EEB1077D}" srcOrd="0" destOrd="0" presId="urn:microsoft.com/office/officeart/2005/8/layout/hierarchy5"/>
    <dgm:cxn modelId="{A092CFE1-F879-4CC2-97A7-55CC9B2A3FE2}" type="presOf" srcId="{945A9356-2F5D-46EC-9E0F-01D28729E1B3}" destId="{14BE46D2-B976-497E-9A5C-8BE6D1CC0146}" srcOrd="1" destOrd="0" presId="urn:microsoft.com/office/officeart/2005/8/layout/hierarchy5"/>
    <dgm:cxn modelId="{0B41C7EF-0CE6-4F06-9502-3CFC812AA38A}" type="presOf" srcId="{0140C3A0-931E-40F5-A0C0-9DACC55A6970}" destId="{B19B6641-C57C-4094-86BB-60F65D018E15}" srcOrd="0" destOrd="0" presId="urn:microsoft.com/office/officeart/2005/8/layout/hierarchy5"/>
    <dgm:cxn modelId="{332F8DF1-A679-44EE-8DD3-C48F82EB549B}" type="presOf" srcId="{BF1956AC-682C-46D5-9A55-8676D57D0328}" destId="{2B00CA1F-B182-4729-B0E1-95782A2EFF6F}" srcOrd="1" destOrd="0" presId="urn:microsoft.com/office/officeart/2005/8/layout/hierarchy5"/>
    <dgm:cxn modelId="{7F755D25-82F6-4349-84AB-A46A6ADD6FA5}" type="presParOf" srcId="{07FAF2FE-ED7A-450D-89F1-C8EF3EE1138B}" destId="{1E303FE0-D4B4-4FC4-9396-9A15DF859061}" srcOrd="0" destOrd="0" presId="urn:microsoft.com/office/officeart/2005/8/layout/hierarchy5"/>
    <dgm:cxn modelId="{DEBD285F-AF0A-4812-9E24-ECD3F7B01443}" type="presParOf" srcId="{1E303FE0-D4B4-4FC4-9396-9A15DF859061}" destId="{B3B5D74B-8BF5-4EEA-9CD9-32EAB6CB9246}" srcOrd="0" destOrd="0" presId="urn:microsoft.com/office/officeart/2005/8/layout/hierarchy5"/>
    <dgm:cxn modelId="{76C4AB08-BD2B-4CBF-B0E2-25D2F5DBBA13}" type="presParOf" srcId="{1E303FE0-D4B4-4FC4-9396-9A15DF859061}" destId="{3589CE01-BB58-476C-8B16-AFFF9F44D365}" srcOrd="1" destOrd="0" presId="urn:microsoft.com/office/officeart/2005/8/layout/hierarchy5"/>
    <dgm:cxn modelId="{F73DC77A-26FE-4BC7-9C9C-ADC83C367F9E}" type="presParOf" srcId="{3589CE01-BB58-476C-8B16-AFFF9F44D365}" destId="{3592CE8E-2C3C-4D28-89CC-60309474635E}" srcOrd="0" destOrd="0" presId="urn:microsoft.com/office/officeart/2005/8/layout/hierarchy5"/>
    <dgm:cxn modelId="{E69204AA-E41A-461D-9A0F-F0FD0A745751}" type="presParOf" srcId="{3592CE8E-2C3C-4D28-89CC-60309474635E}" destId="{A20A70B0-9FDE-4579-9A85-88B02A2E608A}" srcOrd="0" destOrd="0" presId="urn:microsoft.com/office/officeart/2005/8/layout/hierarchy5"/>
    <dgm:cxn modelId="{1287AE9F-031E-4DB1-A89D-3BD47C048641}" type="presParOf" srcId="{3592CE8E-2C3C-4D28-89CC-60309474635E}" destId="{8ACAE010-BD59-415E-A463-68261AEA84A6}" srcOrd="1" destOrd="0" presId="urn:microsoft.com/office/officeart/2005/8/layout/hierarchy5"/>
    <dgm:cxn modelId="{CA1138F1-F8AD-47DF-BA27-BBE8A82DD527}" type="presParOf" srcId="{8ACAE010-BD59-415E-A463-68261AEA84A6}" destId="{FF4E8691-E350-43B3-9083-FEECBB2340A4}" srcOrd="0" destOrd="0" presId="urn:microsoft.com/office/officeart/2005/8/layout/hierarchy5"/>
    <dgm:cxn modelId="{995E4630-DF7E-4C6B-B314-6E25E627ABEC}" type="presParOf" srcId="{FF4E8691-E350-43B3-9083-FEECBB2340A4}" destId="{E047DAAD-669D-4544-8258-7EBFEED32419}" srcOrd="0" destOrd="0" presId="urn:microsoft.com/office/officeart/2005/8/layout/hierarchy5"/>
    <dgm:cxn modelId="{DA08826A-5157-4A52-88CD-98149569A8C0}" type="presParOf" srcId="{8ACAE010-BD59-415E-A463-68261AEA84A6}" destId="{29A43BA3-2070-475E-B314-E2BACD5F8512}" srcOrd="1" destOrd="0" presId="urn:microsoft.com/office/officeart/2005/8/layout/hierarchy5"/>
    <dgm:cxn modelId="{60BBB597-3C6A-48F6-910B-4841AB6BCD09}" type="presParOf" srcId="{29A43BA3-2070-475E-B314-E2BACD5F8512}" destId="{8B3DDF95-FC0E-4373-B5A0-B87C85C7A039}" srcOrd="0" destOrd="0" presId="urn:microsoft.com/office/officeart/2005/8/layout/hierarchy5"/>
    <dgm:cxn modelId="{877CBCDB-BDAD-4A92-894B-A3830C51F049}" type="presParOf" srcId="{29A43BA3-2070-475E-B314-E2BACD5F8512}" destId="{1ED90FE6-0C3E-4893-BA34-2DD562AD8000}" srcOrd="1" destOrd="0" presId="urn:microsoft.com/office/officeart/2005/8/layout/hierarchy5"/>
    <dgm:cxn modelId="{3E098587-E355-4AC7-9673-97C0E701E0B4}" type="presParOf" srcId="{8ACAE010-BD59-415E-A463-68261AEA84A6}" destId="{7478AFD0-B581-4ADB-876A-5D930E53F2A1}" srcOrd="2" destOrd="0" presId="urn:microsoft.com/office/officeart/2005/8/layout/hierarchy5"/>
    <dgm:cxn modelId="{9FA71494-C045-4A70-A3AD-8DDEC3EA2024}" type="presParOf" srcId="{7478AFD0-B581-4ADB-876A-5D930E53F2A1}" destId="{14BE46D2-B976-497E-9A5C-8BE6D1CC0146}" srcOrd="0" destOrd="0" presId="urn:microsoft.com/office/officeart/2005/8/layout/hierarchy5"/>
    <dgm:cxn modelId="{2918BF2F-BFAA-4C73-BF81-744D318E9AA8}" type="presParOf" srcId="{8ACAE010-BD59-415E-A463-68261AEA84A6}" destId="{7BE0FD57-D59E-4130-B2B1-E629577C3B87}" srcOrd="3" destOrd="0" presId="urn:microsoft.com/office/officeart/2005/8/layout/hierarchy5"/>
    <dgm:cxn modelId="{EA54701C-45DA-4D8C-9190-931891DB1260}" type="presParOf" srcId="{7BE0FD57-D59E-4130-B2B1-E629577C3B87}" destId="{743F437C-4266-4108-8546-DA92D068993A}" srcOrd="0" destOrd="0" presId="urn:microsoft.com/office/officeart/2005/8/layout/hierarchy5"/>
    <dgm:cxn modelId="{3EBF5C31-0F48-4F10-B898-C89CCD9F2EAB}" type="presParOf" srcId="{7BE0FD57-D59E-4130-B2B1-E629577C3B87}" destId="{2A633BFB-2E57-4B3A-981F-DDB7132FDB08}" srcOrd="1" destOrd="0" presId="urn:microsoft.com/office/officeart/2005/8/layout/hierarchy5"/>
    <dgm:cxn modelId="{EE98EA98-447A-4CEC-922A-9B1CC0ACA18A}" type="presParOf" srcId="{8ACAE010-BD59-415E-A463-68261AEA84A6}" destId="{23A7F13A-1775-4D8F-844E-4C3A76CDAC5B}" srcOrd="4" destOrd="0" presId="urn:microsoft.com/office/officeart/2005/8/layout/hierarchy5"/>
    <dgm:cxn modelId="{988D850C-93E5-4BC7-B1A3-00DFFBA53CFF}" type="presParOf" srcId="{23A7F13A-1775-4D8F-844E-4C3A76CDAC5B}" destId="{32F1CA72-1234-4151-B804-B909B743C8F7}" srcOrd="0" destOrd="0" presId="urn:microsoft.com/office/officeart/2005/8/layout/hierarchy5"/>
    <dgm:cxn modelId="{8B132733-9605-4A85-8D5C-1F5BEB314239}" type="presParOf" srcId="{8ACAE010-BD59-415E-A463-68261AEA84A6}" destId="{19C2E477-4FFD-496C-8ADF-FCC3CC0A8BCF}" srcOrd="5" destOrd="0" presId="urn:microsoft.com/office/officeart/2005/8/layout/hierarchy5"/>
    <dgm:cxn modelId="{BE897CF0-BA54-4B66-B17C-F4E514850CF1}" type="presParOf" srcId="{19C2E477-4FFD-496C-8ADF-FCC3CC0A8BCF}" destId="{359DA775-31E6-4460-81E4-2ED2A585CC24}" srcOrd="0" destOrd="0" presId="urn:microsoft.com/office/officeart/2005/8/layout/hierarchy5"/>
    <dgm:cxn modelId="{6FBF9CF7-D2E7-41F7-9ED8-AF8C2B40D0EF}" type="presParOf" srcId="{19C2E477-4FFD-496C-8ADF-FCC3CC0A8BCF}" destId="{3BF99A57-69DB-4D04-B931-E8BB100A835E}" srcOrd="1" destOrd="0" presId="urn:microsoft.com/office/officeart/2005/8/layout/hierarchy5"/>
    <dgm:cxn modelId="{6D9947B7-5049-4226-A7BD-E8CBD260C01F}" type="presParOf" srcId="{8ACAE010-BD59-415E-A463-68261AEA84A6}" destId="{B19B6641-C57C-4094-86BB-60F65D018E15}" srcOrd="6" destOrd="0" presId="urn:microsoft.com/office/officeart/2005/8/layout/hierarchy5"/>
    <dgm:cxn modelId="{A49DE587-1245-4F6D-BF4F-A18562549F8F}" type="presParOf" srcId="{B19B6641-C57C-4094-86BB-60F65D018E15}" destId="{9DD577F2-D76C-48D5-A2F1-B66341076A47}" srcOrd="0" destOrd="0" presId="urn:microsoft.com/office/officeart/2005/8/layout/hierarchy5"/>
    <dgm:cxn modelId="{133F584B-52DB-4F16-8D5A-42FBF69D16E6}" type="presParOf" srcId="{8ACAE010-BD59-415E-A463-68261AEA84A6}" destId="{1CDFB42F-2C5F-4D87-877B-112CC6C7C462}" srcOrd="7" destOrd="0" presId="urn:microsoft.com/office/officeart/2005/8/layout/hierarchy5"/>
    <dgm:cxn modelId="{07D86E1D-411D-4FF0-AA9A-FDC0335E4C10}" type="presParOf" srcId="{1CDFB42F-2C5F-4D87-877B-112CC6C7C462}" destId="{664546CA-B3A7-4293-B38E-E812B13A4847}" srcOrd="0" destOrd="0" presId="urn:microsoft.com/office/officeart/2005/8/layout/hierarchy5"/>
    <dgm:cxn modelId="{101BC7EC-1F0F-4695-BE8B-F66107C92F94}" type="presParOf" srcId="{1CDFB42F-2C5F-4D87-877B-112CC6C7C462}" destId="{7BBDE53F-E5BD-4DFF-9B89-8560D4D4D034}" srcOrd="1" destOrd="0" presId="urn:microsoft.com/office/officeart/2005/8/layout/hierarchy5"/>
    <dgm:cxn modelId="{49536654-7C58-4D99-AC42-F6CC7B94AB31}" type="presParOf" srcId="{8ACAE010-BD59-415E-A463-68261AEA84A6}" destId="{DBA7C561-2618-4FE5-90B6-A993EEB1077D}" srcOrd="8" destOrd="0" presId="urn:microsoft.com/office/officeart/2005/8/layout/hierarchy5"/>
    <dgm:cxn modelId="{8C4A5CFE-227E-4C56-8755-01E6A588B026}" type="presParOf" srcId="{DBA7C561-2618-4FE5-90B6-A993EEB1077D}" destId="{403BF905-4DD4-4817-BC84-F1291F009218}" srcOrd="0" destOrd="0" presId="urn:microsoft.com/office/officeart/2005/8/layout/hierarchy5"/>
    <dgm:cxn modelId="{C429D416-788C-46B3-887C-8ED230F8375E}" type="presParOf" srcId="{8ACAE010-BD59-415E-A463-68261AEA84A6}" destId="{8AFD8C92-9E30-427B-BDD0-AF6327BA081D}" srcOrd="9" destOrd="0" presId="urn:microsoft.com/office/officeart/2005/8/layout/hierarchy5"/>
    <dgm:cxn modelId="{3A7BF555-F378-41D9-9054-87391F1B820A}" type="presParOf" srcId="{8AFD8C92-9E30-427B-BDD0-AF6327BA081D}" destId="{E15B6777-549E-4BDC-90CE-3F57DDBD6452}" srcOrd="0" destOrd="0" presId="urn:microsoft.com/office/officeart/2005/8/layout/hierarchy5"/>
    <dgm:cxn modelId="{9BC66553-26D4-4CAD-A7DB-BC4CD13CD96C}" type="presParOf" srcId="{8AFD8C92-9E30-427B-BDD0-AF6327BA081D}" destId="{7E113C1A-BC9F-4F83-9586-AE92B440BBB7}" srcOrd="1" destOrd="0" presId="urn:microsoft.com/office/officeart/2005/8/layout/hierarchy5"/>
    <dgm:cxn modelId="{530353D8-23E2-4592-8A80-AEF4B3D691AF}" type="presParOf" srcId="{07FAF2FE-ED7A-450D-89F1-C8EF3EE1138B}" destId="{F59B68D2-EFC1-4B68-AB8F-E5642A117B35}" srcOrd="1" destOrd="0" presId="urn:microsoft.com/office/officeart/2005/8/layout/hierarchy5"/>
    <dgm:cxn modelId="{B1E3D3A6-E46F-44EF-BDB3-47D78559B64C}" type="presParOf" srcId="{F59B68D2-EFC1-4B68-AB8F-E5642A117B35}" destId="{FAD940DD-C7D9-4E7B-8203-3CBE7395EDAA}" srcOrd="0" destOrd="0" presId="urn:microsoft.com/office/officeart/2005/8/layout/hierarchy5"/>
    <dgm:cxn modelId="{EDB313D3-E9F5-4630-9E6E-AF536931F1FC}" type="presParOf" srcId="{FAD940DD-C7D9-4E7B-8203-3CBE7395EDAA}" destId="{13418BFB-9BC6-43E7-B451-A2DFE3D84DD6}" srcOrd="0" destOrd="0" presId="urn:microsoft.com/office/officeart/2005/8/layout/hierarchy5"/>
    <dgm:cxn modelId="{8EEDAB39-8F24-4371-9EFA-B61845397425}" type="presParOf" srcId="{FAD940DD-C7D9-4E7B-8203-3CBE7395EDAA}" destId="{9C34A67C-ADD4-4FCD-8460-AB259779EFB8}" srcOrd="1" destOrd="0" presId="urn:microsoft.com/office/officeart/2005/8/layout/hierarchy5"/>
    <dgm:cxn modelId="{56D67AC6-6DDB-4CF5-A56E-2122008DE1EC}" type="presParOf" srcId="{F59B68D2-EFC1-4B68-AB8F-E5642A117B35}" destId="{8B27A0C3-40B6-4F3D-82F4-D885B0643BBE}" srcOrd="1" destOrd="0" presId="urn:microsoft.com/office/officeart/2005/8/layout/hierarchy5"/>
    <dgm:cxn modelId="{FFB57AEF-A03C-44A6-B989-835C59986DE4}" type="presParOf" srcId="{8B27A0C3-40B6-4F3D-82F4-D885B0643BBE}" destId="{AC273CC2-AE1C-4871-A41F-00F2ED07D5C6}" srcOrd="0" destOrd="0" presId="urn:microsoft.com/office/officeart/2005/8/layout/hierarchy5"/>
    <dgm:cxn modelId="{5D275B61-289A-4BF4-8EC7-C3560CA1B3D6}" type="presParOf" srcId="{F59B68D2-EFC1-4B68-AB8F-E5642A117B35}" destId="{4D3686F3-0D06-4F74-B2F2-F37BEF018B4C}" srcOrd="2" destOrd="0" presId="urn:microsoft.com/office/officeart/2005/8/layout/hierarchy5"/>
    <dgm:cxn modelId="{84A96834-CE3E-458C-9299-0B99BF64518F}" type="presParOf" srcId="{4D3686F3-0D06-4F74-B2F2-F37BEF018B4C}" destId="{22884A2A-8E53-4112-9DE3-DE230261DD52}" srcOrd="0" destOrd="0" presId="urn:microsoft.com/office/officeart/2005/8/layout/hierarchy5"/>
    <dgm:cxn modelId="{860172F0-2A3F-4F7B-906F-C0F8AB4DAFC1}" type="presParOf" srcId="{4D3686F3-0D06-4F74-B2F2-F37BEF018B4C}" destId="{2B00CA1F-B182-4729-B0E1-95782A2EFF6F}" srcOrd="1" destOrd="0" presId="urn:microsoft.com/office/officeart/2005/8/layout/hierarchy5"/>
  </dgm:cxnLst>
  <dgm:bg/>
  <dgm:whole>
    <a:ln>
      <a:solidFill>
        <a:schemeClr val="tx2"/>
      </a:solidFill>
    </a:ln>
  </dgm:whole>
  <dgm:extLst>
    <a:ext uri="http://schemas.microsoft.com/office/drawing/2008/diagram">
      <dsp:dataModelExt xmlns:dsp="http://schemas.microsoft.com/office/drawing/2008/diagram" relId="rId6"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B118A677-901D-4501-89DF-79ABF8D3935B}" type="doc">
      <dgm:prSet loTypeId="urn:microsoft.com/office/officeart/2005/8/layout/cycle2" loCatId="cycle" qsTypeId="urn:microsoft.com/office/officeart/2005/8/quickstyle/3d1" qsCatId="3D" csTypeId="urn:microsoft.com/office/officeart/2005/8/colors/colorful2" csCatId="colorful" phldr="1"/>
      <dgm:spPr/>
    </dgm:pt>
    <dgm:pt modelId="{6C64FDEA-0C82-4D3D-923A-F1470E2AAD2B}">
      <dgm:prSet phldrT="[Text]" custT="1"/>
      <dgm:spPr/>
      <dgm:t>
        <a:bodyPr/>
        <a:lstStyle/>
        <a:p>
          <a:r>
            <a:rPr lang="en-US" sz="1600" dirty="0"/>
            <a:t>Identify data needs</a:t>
          </a:r>
        </a:p>
      </dgm:t>
    </dgm:pt>
    <dgm:pt modelId="{EFF114DD-9689-40CF-A8DA-C184CA4EEB7B}" type="parTrans" cxnId="{1F59615A-DCAC-4ED0-8C5D-E885251127A2}">
      <dgm:prSet/>
      <dgm:spPr/>
      <dgm:t>
        <a:bodyPr/>
        <a:lstStyle/>
        <a:p>
          <a:endParaRPr lang="en-US" sz="1600"/>
        </a:p>
      </dgm:t>
    </dgm:pt>
    <dgm:pt modelId="{118B9D56-ED67-4BB8-B18D-3922DD6B883F}" type="sibTrans" cxnId="{1F59615A-DCAC-4ED0-8C5D-E885251127A2}">
      <dgm:prSet custT="1"/>
      <dgm:spPr/>
      <dgm:t>
        <a:bodyPr/>
        <a:lstStyle/>
        <a:p>
          <a:endParaRPr lang="en-US" sz="1600"/>
        </a:p>
      </dgm:t>
    </dgm:pt>
    <dgm:pt modelId="{EB03137E-9F65-485E-8661-1274F4E21515}">
      <dgm:prSet phldrT="[Text]" custT="1"/>
      <dgm:spPr>
        <a:solidFill>
          <a:schemeClr val="accent1"/>
        </a:solidFill>
      </dgm:spPr>
      <dgm:t>
        <a:bodyPr/>
        <a:lstStyle/>
        <a:p>
          <a:r>
            <a:rPr lang="en-US" sz="1600" b="1" dirty="0"/>
            <a:t>Create forms &amp; process</a:t>
          </a:r>
        </a:p>
      </dgm:t>
    </dgm:pt>
    <dgm:pt modelId="{A81FB01A-237C-452B-842A-77A7D9107EB5}" type="parTrans" cxnId="{E675E975-8BE3-4C64-B6EC-9F68BE4AA5F7}">
      <dgm:prSet/>
      <dgm:spPr/>
      <dgm:t>
        <a:bodyPr/>
        <a:lstStyle/>
        <a:p>
          <a:endParaRPr lang="en-US" sz="1600"/>
        </a:p>
      </dgm:t>
    </dgm:pt>
    <dgm:pt modelId="{BF939773-B5F9-4E03-9EFA-BBCEFB7C3AC3}" type="sibTrans" cxnId="{E675E975-8BE3-4C64-B6EC-9F68BE4AA5F7}">
      <dgm:prSet custT="1"/>
      <dgm:spPr/>
      <dgm:t>
        <a:bodyPr/>
        <a:lstStyle/>
        <a:p>
          <a:endParaRPr lang="en-US" sz="1600"/>
        </a:p>
      </dgm:t>
    </dgm:pt>
    <dgm:pt modelId="{B9A85ABC-BBC6-46A8-8A84-DAAF96A6B413}">
      <dgm:prSet phldrT="[Text]" custT="1"/>
      <dgm:spPr/>
      <dgm:t>
        <a:bodyPr/>
        <a:lstStyle/>
        <a:p>
          <a:r>
            <a:rPr lang="en-US" sz="1600" dirty="0"/>
            <a:t>Test forms &amp; process</a:t>
          </a:r>
        </a:p>
      </dgm:t>
    </dgm:pt>
    <dgm:pt modelId="{0297952C-63E2-4E14-A356-02FC186317FC}" type="parTrans" cxnId="{C65E01F0-2324-4829-8660-4FF6E71A7776}">
      <dgm:prSet/>
      <dgm:spPr/>
      <dgm:t>
        <a:bodyPr/>
        <a:lstStyle/>
        <a:p>
          <a:endParaRPr lang="en-US" sz="1600"/>
        </a:p>
      </dgm:t>
    </dgm:pt>
    <dgm:pt modelId="{241DB423-7F03-4333-9915-C66C510039B0}" type="sibTrans" cxnId="{C65E01F0-2324-4829-8660-4FF6E71A7776}">
      <dgm:prSet custT="1"/>
      <dgm:spPr/>
      <dgm:t>
        <a:bodyPr/>
        <a:lstStyle/>
        <a:p>
          <a:endParaRPr lang="en-US" sz="1600"/>
        </a:p>
      </dgm:t>
    </dgm:pt>
    <dgm:pt modelId="{C410CF56-CB2E-43DC-8718-2B18E6D79976}">
      <dgm:prSet phldrT="[Text]" custT="1"/>
      <dgm:spPr/>
      <dgm:t>
        <a:bodyPr/>
        <a:lstStyle/>
        <a:p>
          <a:r>
            <a:rPr lang="en-US" sz="1600" dirty="0"/>
            <a:t>Roll-out forms &amp; process</a:t>
          </a:r>
        </a:p>
      </dgm:t>
    </dgm:pt>
    <dgm:pt modelId="{190972F5-28D8-411D-8015-9EE8551338ED}" type="parTrans" cxnId="{91DC0FF3-110F-436D-A109-EA85EB588E98}">
      <dgm:prSet/>
      <dgm:spPr/>
      <dgm:t>
        <a:bodyPr/>
        <a:lstStyle/>
        <a:p>
          <a:endParaRPr lang="en-US" sz="1600"/>
        </a:p>
      </dgm:t>
    </dgm:pt>
    <dgm:pt modelId="{3DF8F1EB-5EFB-49B9-8F74-94F5F87720E8}" type="sibTrans" cxnId="{91DC0FF3-110F-436D-A109-EA85EB588E98}">
      <dgm:prSet custT="1"/>
      <dgm:spPr/>
      <dgm:t>
        <a:bodyPr/>
        <a:lstStyle/>
        <a:p>
          <a:endParaRPr lang="en-US" sz="1600"/>
        </a:p>
      </dgm:t>
    </dgm:pt>
    <dgm:pt modelId="{1B4C8C19-5181-4108-89BC-F55BA174E360}">
      <dgm:prSet phldrT="[Text]" custT="1"/>
      <dgm:spPr/>
      <dgm:t>
        <a:bodyPr/>
        <a:lstStyle/>
        <a:p>
          <a:r>
            <a:rPr lang="en-US" sz="1600" dirty="0"/>
            <a:t>Collect data</a:t>
          </a:r>
        </a:p>
      </dgm:t>
    </dgm:pt>
    <dgm:pt modelId="{057A7C1C-8F71-4437-AFC7-4B9AEAEF129F}" type="parTrans" cxnId="{32D873B6-EAD1-427D-BDBB-350F5F289ADA}">
      <dgm:prSet/>
      <dgm:spPr/>
      <dgm:t>
        <a:bodyPr/>
        <a:lstStyle/>
        <a:p>
          <a:endParaRPr lang="en-US" sz="1600"/>
        </a:p>
      </dgm:t>
    </dgm:pt>
    <dgm:pt modelId="{54BEF38F-23C0-4EB4-9DA8-9662545D0F9D}" type="sibTrans" cxnId="{32D873B6-EAD1-427D-BDBB-350F5F289ADA}">
      <dgm:prSet custT="1"/>
      <dgm:spPr/>
      <dgm:t>
        <a:bodyPr/>
        <a:lstStyle/>
        <a:p>
          <a:endParaRPr lang="en-US" sz="1600"/>
        </a:p>
      </dgm:t>
    </dgm:pt>
    <dgm:pt modelId="{3B03D8DA-7765-4D4F-8302-CF83DA1FC68E}">
      <dgm:prSet phldrT="[Text]" custT="1"/>
      <dgm:spPr/>
      <dgm:t>
        <a:bodyPr/>
        <a:lstStyle/>
        <a:p>
          <a:r>
            <a:rPr lang="en-US" sz="1600" dirty="0"/>
            <a:t>Enter data into system</a:t>
          </a:r>
        </a:p>
      </dgm:t>
    </dgm:pt>
    <dgm:pt modelId="{98208D4D-026D-4E14-8CEE-00296E217E49}" type="parTrans" cxnId="{6F07F2A5-2F9D-4110-B308-68F50E1C73C7}">
      <dgm:prSet/>
      <dgm:spPr/>
      <dgm:t>
        <a:bodyPr/>
        <a:lstStyle/>
        <a:p>
          <a:endParaRPr lang="en-US" sz="1600"/>
        </a:p>
      </dgm:t>
    </dgm:pt>
    <dgm:pt modelId="{712CB416-C9B9-4720-BB84-1D45B548642D}" type="sibTrans" cxnId="{6F07F2A5-2F9D-4110-B308-68F50E1C73C7}">
      <dgm:prSet custT="1"/>
      <dgm:spPr/>
      <dgm:t>
        <a:bodyPr/>
        <a:lstStyle/>
        <a:p>
          <a:endParaRPr lang="en-US" sz="1600"/>
        </a:p>
      </dgm:t>
    </dgm:pt>
    <dgm:pt modelId="{3C63CF14-15E0-4A52-978C-E2775CF2F6D6}">
      <dgm:prSet phldrT="[Text]" custT="1"/>
      <dgm:spPr/>
      <dgm:t>
        <a:bodyPr/>
        <a:lstStyle/>
        <a:p>
          <a:r>
            <a:rPr lang="en-US" sz="1600" dirty="0"/>
            <a:t>Validate data</a:t>
          </a:r>
        </a:p>
      </dgm:t>
    </dgm:pt>
    <dgm:pt modelId="{1074FAEA-468D-4264-9013-AC0D9B121032}" type="parTrans" cxnId="{C483CD45-5F30-4A90-9593-B1FD3DE7FEFA}">
      <dgm:prSet/>
      <dgm:spPr/>
      <dgm:t>
        <a:bodyPr/>
        <a:lstStyle/>
        <a:p>
          <a:endParaRPr lang="en-US" sz="1600"/>
        </a:p>
      </dgm:t>
    </dgm:pt>
    <dgm:pt modelId="{A59AA7F0-56E4-41B2-8EEA-61E33CC5C7E6}" type="sibTrans" cxnId="{C483CD45-5F30-4A90-9593-B1FD3DE7FEFA}">
      <dgm:prSet custT="1"/>
      <dgm:spPr/>
      <dgm:t>
        <a:bodyPr/>
        <a:lstStyle/>
        <a:p>
          <a:endParaRPr lang="en-US" sz="1600"/>
        </a:p>
      </dgm:t>
    </dgm:pt>
    <dgm:pt modelId="{40F7633A-E389-4232-A561-7C62CB33DF57}">
      <dgm:prSet phldrT="[Text]" custT="1"/>
      <dgm:spPr/>
      <dgm:t>
        <a:bodyPr/>
        <a:lstStyle/>
        <a:p>
          <a:r>
            <a:rPr lang="en-US" sz="1600" dirty="0"/>
            <a:t>Manage data in MIS</a:t>
          </a:r>
        </a:p>
      </dgm:t>
    </dgm:pt>
    <dgm:pt modelId="{C28C3D76-7443-46B7-9F76-B461EB67C9D5}" type="parTrans" cxnId="{31034EC5-5D5E-4D63-BEBF-8F1AB669D774}">
      <dgm:prSet/>
      <dgm:spPr/>
      <dgm:t>
        <a:bodyPr/>
        <a:lstStyle/>
        <a:p>
          <a:endParaRPr lang="en-US" sz="1600"/>
        </a:p>
      </dgm:t>
    </dgm:pt>
    <dgm:pt modelId="{C57DFDF2-89C6-4115-8F49-F85E2EA27E14}" type="sibTrans" cxnId="{31034EC5-5D5E-4D63-BEBF-8F1AB669D774}">
      <dgm:prSet custT="1"/>
      <dgm:spPr/>
      <dgm:t>
        <a:bodyPr/>
        <a:lstStyle/>
        <a:p>
          <a:endParaRPr lang="en-US" sz="1600"/>
        </a:p>
      </dgm:t>
    </dgm:pt>
    <dgm:pt modelId="{4F982BC8-1B5C-4792-B676-185BAA7B19E4}">
      <dgm:prSet phldrT="[Text]" custT="1"/>
      <dgm:spPr/>
      <dgm:t>
        <a:bodyPr/>
        <a:lstStyle/>
        <a:p>
          <a:r>
            <a:rPr lang="en-US" sz="1600" dirty="0"/>
            <a:t>Share information</a:t>
          </a:r>
        </a:p>
      </dgm:t>
    </dgm:pt>
    <dgm:pt modelId="{7EC6E69F-4317-4A8B-8950-B5FC26C07631}" type="parTrans" cxnId="{84DECF76-B8EE-4EA9-9801-018BCCA43CC4}">
      <dgm:prSet/>
      <dgm:spPr/>
      <dgm:t>
        <a:bodyPr/>
        <a:lstStyle/>
        <a:p>
          <a:endParaRPr lang="en-US" sz="1600"/>
        </a:p>
      </dgm:t>
    </dgm:pt>
    <dgm:pt modelId="{B2F803B2-7362-44B8-B917-A82A9F5C7045}" type="sibTrans" cxnId="{84DECF76-B8EE-4EA9-9801-018BCCA43CC4}">
      <dgm:prSet/>
      <dgm:spPr/>
      <dgm:t>
        <a:bodyPr/>
        <a:lstStyle/>
        <a:p>
          <a:endParaRPr lang="en-US" sz="1600"/>
        </a:p>
      </dgm:t>
    </dgm:pt>
    <dgm:pt modelId="{5381A8B2-3354-4396-AE64-57DAC151BCA1}">
      <dgm:prSet phldrT="[Text]" custT="1"/>
      <dgm:spPr/>
      <dgm:t>
        <a:bodyPr/>
        <a:lstStyle/>
        <a:p>
          <a:r>
            <a:rPr lang="en-US" sz="1600" dirty="0"/>
            <a:t>Facilitate data use</a:t>
          </a:r>
        </a:p>
      </dgm:t>
    </dgm:pt>
    <dgm:pt modelId="{DBDA36F8-8932-4578-8E89-1E7DE41B00A1}" type="parTrans" cxnId="{3305ABC0-6429-4D57-8598-6CECAD1B8F82}">
      <dgm:prSet/>
      <dgm:spPr/>
      <dgm:t>
        <a:bodyPr/>
        <a:lstStyle/>
        <a:p>
          <a:endParaRPr lang="en-US"/>
        </a:p>
      </dgm:t>
    </dgm:pt>
    <dgm:pt modelId="{321A4854-A173-48F2-8DD7-DEC3BD2E87F7}" type="sibTrans" cxnId="{3305ABC0-6429-4D57-8598-6CECAD1B8F82}">
      <dgm:prSet/>
      <dgm:spPr/>
      <dgm:t>
        <a:bodyPr/>
        <a:lstStyle/>
        <a:p>
          <a:endParaRPr lang="en-US"/>
        </a:p>
      </dgm:t>
    </dgm:pt>
    <dgm:pt modelId="{C75CA068-B8FA-4E41-AF5E-5E9C35B970CF}" type="pres">
      <dgm:prSet presAssocID="{B118A677-901D-4501-89DF-79ABF8D3935B}" presName="cycle" presStyleCnt="0">
        <dgm:presLayoutVars>
          <dgm:dir/>
          <dgm:resizeHandles val="exact"/>
        </dgm:presLayoutVars>
      </dgm:prSet>
      <dgm:spPr/>
    </dgm:pt>
    <dgm:pt modelId="{82208B9D-5B84-4A53-8BD1-061C482929AE}" type="pres">
      <dgm:prSet presAssocID="{6C64FDEA-0C82-4D3D-923A-F1470E2AAD2B}" presName="node" presStyleLbl="node1" presStyleIdx="0" presStyleCnt="10">
        <dgm:presLayoutVars>
          <dgm:bulletEnabled val="1"/>
        </dgm:presLayoutVars>
      </dgm:prSet>
      <dgm:spPr/>
    </dgm:pt>
    <dgm:pt modelId="{E8FAE9D3-1392-4DA1-84B6-4CCB220C3BB8}" type="pres">
      <dgm:prSet presAssocID="{118B9D56-ED67-4BB8-B18D-3922DD6B883F}" presName="sibTrans" presStyleLbl="sibTrans2D1" presStyleIdx="0" presStyleCnt="10"/>
      <dgm:spPr/>
    </dgm:pt>
    <dgm:pt modelId="{B57CADB5-1B31-4D16-A024-FBA616362696}" type="pres">
      <dgm:prSet presAssocID="{118B9D56-ED67-4BB8-B18D-3922DD6B883F}" presName="connectorText" presStyleLbl="sibTrans2D1" presStyleIdx="0" presStyleCnt="10"/>
      <dgm:spPr/>
    </dgm:pt>
    <dgm:pt modelId="{4209AC67-8E4C-4312-AD4A-E7747A1C1EDB}" type="pres">
      <dgm:prSet presAssocID="{EB03137E-9F65-485E-8661-1274F4E21515}" presName="node" presStyleLbl="node1" presStyleIdx="1" presStyleCnt="10" custScaleX="162914" custScaleY="152271">
        <dgm:presLayoutVars>
          <dgm:bulletEnabled val="1"/>
        </dgm:presLayoutVars>
      </dgm:prSet>
      <dgm:spPr/>
    </dgm:pt>
    <dgm:pt modelId="{733E0EF0-1FA0-4F94-BEE8-461B892C9F99}" type="pres">
      <dgm:prSet presAssocID="{BF939773-B5F9-4E03-9EFA-BBCEFB7C3AC3}" presName="sibTrans" presStyleLbl="sibTrans2D1" presStyleIdx="1" presStyleCnt="10"/>
      <dgm:spPr/>
    </dgm:pt>
    <dgm:pt modelId="{7FF60AB9-00AF-4E96-8BA7-037BD5C7E5A3}" type="pres">
      <dgm:prSet presAssocID="{BF939773-B5F9-4E03-9EFA-BBCEFB7C3AC3}" presName="connectorText" presStyleLbl="sibTrans2D1" presStyleIdx="1" presStyleCnt="10"/>
      <dgm:spPr/>
    </dgm:pt>
    <dgm:pt modelId="{3D28F87A-A54F-4F9E-93D0-051E140E9CB8}" type="pres">
      <dgm:prSet presAssocID="{B9A85ABC-BBC6-46A8-8A84-DAAF96A6B413}" presName="node" presStyleLbl="node1" presStyleIdx="2" presStyleCnt="10">
        <dgm:presLayoutVars>
          <dgm:bulletEnabled val="1"/>
        </dgm:presLayoutVars>
      </dgm:prSet>
      <dgm:spPr/>
    </dgm:pt>
    <dgm:pt modelId="{222EE20C-312F-49E9-A1FD-0D95FA7C24E1}" type="pres">
      <dgm:prSet presAssocID="{241DB423-7F03-4333-9915-C66C510039B0}" presName="sibTrans" presStyleLbl="sibTrans2D1" presStyleIdx="2" presStyleCnt="10"/>
      <dgm:spPr/>
    </dgm:pt>
    <dgm:pt modelId="{DDAA37DD-516F-48B4-9C36-1122FAAD53FD}" type="pres">
      <dgm:prSet presAssocID="{241DB423-7F03-4333-9915-C66C510039B0}" presName="connectorText" presStyleLbl="sibTrans2D1" presStyleIdx="2" presStyleCnt="10"/>
      <dgm:spPr/>
    </dgm:pt>
    <dgm:pt modelId="{9E72C8EC-FC87-45A1-81BD-5C62AFED15E0}" type="pres">
      <dgm:prSet presAssocID="{C410CF56-CB2E-43DC-8718-2B18E6D79976}" presName="node" presStyleLbl="node1" presStyleIdx="3" presStyleCnt="10">
        <dgm:presLayoutVars>
          <dgm:bulletEnabled val="1"/>
        </dgm:presLayoutVars>
      </dgm:prSet>
      <dgm:spPr/>
    </dgm:pt>
    <dgm:pt modelId="{4172FDB8-FD75-44E6-B636-F169466EA6F2}" type="pres">
      <dgm:prSet presAssocID="{3DF8F1EB-5EFB-49B9-8F74-94F5F87720E8}" presName="sibTrans" presStyleLbl="sibTrans2D1" presStyleIdx="3" presStyleCnt="10"/>
      <dgm:spPr/>
    </dgm:pt>
    <dgm:pt modelId="{17467B67-A001-4B8A-B8DA-78DC25A04957}" type="pres">
      <dgm:prSet presAssocID="{3DF8F1EB-5EFB-49B9-8F74-94F5F87720E8}" presName="connectorText" presStyleLbl="sibTrans2D1" presStyleIdx="3" presStyleCnt="10"/>
      <dgm:spPr/>
    </dgm:pt>
    <dgm:pt modelId="{C5FBF30B-7429-4704-90D2-4454965FD314}" type="pres">
      <dgm:prSet presAssocID="{1B4C8C19-5181-4108-89BC-F55BA174E360}" presName="node" presStyleLbl="node1" presStyleIdx="4" presStyleCnt="10">
        <dgm:presLayoutVars>
          <dgm:bulletEnabled val="1"/>
        </dgm:presLayoutVars>
      </dgm:prSet>
      <dgm:spPr/>
    </dgm:pt>
    <dgm:pt modelId="{9BDCB39E-9B45-4116-ADAB-0FEE6C6B1C4B}" type="pres">
      <dgm:prSet presAssocID="{54BEF38F-23C0-4EB4-9DA8-9662545D0F9D}" presName="sibTrans" presStyleLbl="sibTrans2D1" presStyleIdx="4" presStyleCnt="10"/>
      <dgm:spPr/>
    </dgm:pt>
    <dgm:pt modelId="{D128A369-76A0-4D4D-835F-808E2E70F7D2}" type="pres">
      <dgm:prSet presAssocID="{54BEF38F-23C0-4EB4-9DA8-9662545D0F9D}" presName="connectorText" presStyleLbl="sibTrans2D1" presStyleIdx="4" presStyleCnt="10"/>
      <dgm:spPr/>
    </dgm:pt>
    <dgm:pt modelId="{72DBBB8A-A9D2-4A5B-A5A3-76FDD3B65AE9}" type="pres">
      <dgm:prSet presAssocID="{3B03D8DA-7765-4D4F-8302-CF83DA1FC68E}" presName="node" presStyleLbl="node1" presStyleIdx="5" presStyleCnt="10">
        <dgm:presLayoutVars>
          <dgm:bulletEnabled val="1"/>
        </dgm:presLayoutVars>
      </dgm:prSet>
      <dgm:spPr/>
    </dgm:pt>
    <dgm:pt modelId="{5C8BDD24-6C65-47C3-86C6-768CD8448650}" type="pres">
      <dgm:prSet presAssocID="{712CB416-C9B9-4720-BB84-1D45B548642D}" presName="sibTrans" presStyleLbl="sibTrans2D1" presStyleIdx="5" presStyleCnt="10"/>
      <dgm:spPr/>
    </dgm:pt>
    <dgm:pt modelId="{9591738F-221A-46C9-9612-3024E355C661}" type="pres">
      <dgm:prSet presAssocID="{712CB416-C9B9-4720-BB84-1D45B548642D}" presName="connectorText" presStyleLbl="sibTrans2D1" presStyleIdx="5" presStyleCnt="10"/>
      <dgm:spPr/>
    </dgm:pt>
    <dgm:pt modelId="{35D7121D-85F0-4E7F-8752-D7A676C355D2}" type="pres">
      <dgm:prSet presAssocID="{3C63CF14-15E0-4A52-978C-E2775CF2F6D6}" presName="node" presStyleLbl="node1" presStyleIdx="6" presStyleCnt="10">
        <dgm:presLayoutVars>
          <dgm:bulletEnabled val="1"/>
        </dgm:presLayoutVars>
      </dgm:prSet>
      <dgm:spPr/>
    </dgm:pt>
    <dgm:pt modelId="{3A8E9418-1B85-41DA-A8B4-76F2AEC9B2DE}" type="pres">
      <dgm:prSet presAssocID="{A59AA7F0-56E4-41B2-8EEA-61E33CC5C7E6}" presName="sibTrans" presStyleLbl="sibTrans2D1" presStyleIdx="6" presStyleCnt="10"/>
      <dgm:spPr/>
    </dgm:pt>
    <dgm:pt modelId="{5A3D895A-10C8-458C-9A06-08B816232134}" type="pres">
      <dgm:prSet presAssocID="{A59AA7F0-56E4-41B2-8EEA-61E33CC5C7E6}" presName="connectorText" presStyleLbl="sibTrans2D1" presStyleIdx="6" presStyleCnt="10"/>
      <dgm:spPr/>
    </dgm:pt>
    <dgm:pt modelId="{1A417AE2-7DCE-4A5B-AA84-E44756AEBA25}" type="pres">
      <dgm:prSet presAssocID="{40F7633A-E389-4232-A561-7C62CB33DF57}" presName="node" presStyleLbl="node1" presStyleIdx="7" presStyleCnt="10">
        <dgm:presLayoutVars>
          <dgm:bulletEnabled val="1"/>
        </dgm:presLayoutVars>
      </dgm:prSet>
      <dgm:spPr/>
    </dgm:pt>
    <dgm:pt modelId="{7DA4E6F5-5F82-4992-89FB-9A13017CE0DB}" type="pres">
      <dgm:prSet presAssocID="{C57DFDF2-89C6-4115-8F49-F85E2EA27E14}" presName="sibTrans" presStyleLbl="sibTrans2D1" presStyleIdx="7" presStyleCnt="10"/>
      <dgm:spPr/>
    </dgm:pt>
    <dgm:pt modelId="{627745EE-3BBA-4490-8B73-15AA4EE90DE8}" type="pres">
      <dgm:prSet presAssocID="{C57DFDF2-89C6-4115-8F49-F85E2EA27E14}" presName="connectorText" presStyleLbl="sibTrans2D1" presStyleIdx="7" presStyleCnt="10"/>
      <dgm:spPr/>
    </dgm:pt>
    <dgm:pt modelId="{CDB41F4F-688C-4490-B89A-F947556A62B7}" type="pres">
      <dgm:prSet presAssocID="{4F982BC8-1B5C-4792-B676-185BAA7B19E4}" presName="node" presStyleLbl="node1" presStyleIdx="8" presStyleCnt="10">
        <dgm:presLayoutVars>
          <dgm:bulletEnabled val="1"/>
        </dgm:presLayoutVars>
      </dgm:prSet>
      <dgm:spPr/>
    </dgm:pt>
    <dgm:pt modelId="{EFB7B187-C31B-40AD-BE1E-5BA7F7DB24E7}" type="pres">
      <dgm:prSet presAssocID="{B2F803B2-7362-44B8-B917-A82A9F5C7045}" presName="sibTrans" presStyleLbl="sibTrans2D1" presStyleIdx="8" presStyleCnt="10"/>
      <dgm:spPr/>
    </dgm:pt>
    <dgm:pt modelId="{D1598D26-F537-4878-977E-1292BAB1AC8C}" type="pres">
      <dgm:prSet presAssocID="{B2F803B2-7362-44B8-B917-A82A9F5C7045}" presName="connectorText" presStyleLbl="sibTrans2D1" presStyleIdx="8" presStyleCnt="10"/>
      <dgm:spPr/>
    </dgm:pt>
    <dgm:pt modelId="{34E71618-BC08-4DDB-8255-A70153FCCC66}" type="pres">
      <dgm:prSet presAssocID="{5381A8B2-3354-4396-AE64-57DAC151BCA1}" presName="node" presStyleLbl="node1" presStyleIdx="9" presStyleCnt="10">
        <dgm:presLayoutVars>
          <dgm:bulletEnabled val="1"/>
        </dgm:presLayoutVars>
      </dgm:prSet>
      <dgm:spPr/>
    </dgm:pt>
    <dgm:pt modelId="{837037DB-FD11-48C1-8969-B6A62613B709}" type="pres">
      <dgm:prSet presAssocID="{321A4854-A173-48F2-8DD7-DEC3BD2E87F7}" presName="sibTrans" presStyleLbl="sibTrans2D1" presStyleIdx="9" presStyleCnt="10"/>
      <dgm:spPr/>
    </dgm:pt>
    <dgm:pt modelId="{4AE07AC6-7BCC-4259-9258-302018F09847}" type="pres">
      <dgm:prSet presAssocID="{321A4854-A173-48F2-8DD7-DEC3BD2E87F7}" presName="connectorText" presStyleLbl="sibTrans2D1" presStyleIdx="9" presStyleCnt="10"/>
      <dgm:spPr/>
    </dgm:pt>
  </dgm:ptLst>
  <dgm:cxnLst>
    <dgm:cxn modelId="{A393E604-7E37-4308-B564-2A10075A479E}" type="presOf" srcId="{241DB423-7F03-4333-9915-C66C510039B0}" destId="{222EE20C-312F-49E9-A1FD-0D95FA7C24E1}" srcOrd="0" destOrd="0" presId="urn:microsoft.com/office/officeart/2005/8/layout/cycle2"/>
    <dgm:cxn modelId="{44A31208-4AFB-44AB-A949-C696E6906087}" type="presOf" srcId="{712CB416-C9B9-4720-BB84-1D45B548642D}" destId="{5C8BDD24-6C65-47C3-86C6-768CD8448650}" srcOrd="0" destOrd="0" presId="urn:microsoft.com/office/officeart/2005/8/layout/cycle2"/>
    <dgm:cxn modelId="{D632B510-DCD7-4833-B93E-E4B83D324A7C}" type="presOf" srcId="{C57DFDF2-89C6-4115-8F49-F85E2EA27E14}" destId="{627745EE-3BBA-4490-8B73-15AA4EE90DE8}" srcOrd="1" destOrd="0" presId="urn:microsoft.com/office/officeart/2005/8/layout/cycle2"/>
    <dgm:cxn modelId="{B5415715-9A4C-423A-B372-A0934706E884}" type="presOf" srcId="{C410CF56-CB2E-43DC-8718-2B18E6D79976}" destId="{9E72C8EC-FC87-45A1-81BD-5C62AFED15E0}" srcOrd="0" destOrd="0" presId="urn:microsoft.com/office/officeart/2005/8/layout/cycle2"/>
    <dgm:cxn modelId="{31EB9A22-215B-4F0C-BED5-7CC6154EF871}" type="presOf" srcId="{54BEF38F-23C0-4EB4-9DA8-9662545D0F9D}" destId="{9BDCB39E-9B45-4116-ADAB-0FEE6C6B1C4B}" srcOrd="0" destOrd="0" presId="urn:microsoft.com/office/officeart/2005/8/layout/cycle2"/>
    <dgm:cxn modelId="{F038412E-CCC1-4137-8066-2C0BE01E885A}" type="presOf" srcId="{BF939773-B5F9-4E03-9EFA-BBCEFB7C3AC3}" destId="{7FF60AB9-00AF-4E96-8BA7-037BD5C7E5A3}" srcOrd="1" destOrd="0" presId="urn:microsoft.com/office/officeart/2005/8/layout/cycle2"/>
    <dgm:cxn modelId="{3550A53B-D1BE-4F58-833D-383C3D6D2295}" type="presOf" srcId="{241DB423-7F03-4333-9915-C66C510039B0}" destId="{DDAA37DD-516F-48B4-9C36-1122FAAD53FD}" srcOrd="1" destOrd="0" presId="urn:microsoft.com/office/officeart/2005/8/layout/cycle2"/>
    <dgm:cxn modelId="{7A6A795B-13C7-4417-8B97-8F2D4B6AEC6D}" type="presOf" srcId="{3DF8F1EB-5EFB-49B9-8F74-94F5F87720E8}" destId="{4172FDB8-FD75-44E6-B636-F169466EA6F2}" srcOrd="0" destOrd="0" presId="urn:microsoft.com/office/officeart/2005/8/layout/cycle2"/>
    <dgm:cxn modelId="{74DC9A5D-DDFA-4363-A8D3-E220F6B18AAB}" type="presOf" srcId="{118B9D56-ED67-4BB8-B18D-3922DD6B883F}" destId="{E8FAE9D3-1392-4DA1-84B6-4CCB220C3BB8}" srcOrd="0" destOrd="0" presId="urn:microsoft.com/office/officeart/2005/8/layout/cycle2"/>
    <dgm:cxn modelId="{EAA42064-2481-4CD4-BF70-8C20AFBD36C8}" type="presOf" srcId="{3DF8F1EB-5EFB-49B9-8F74-94F5F87720E8}" destId="{17467B67-A001-4B8A-B8DA-78DC25A04957}" srcOrd="1" destOrd="0" presId="urn:microsoft.com/office/officeart/2005/8/layout/cycle2"/>
    <dgm:cxn modelId="{C483CD45-5F30-4A90-9593-B1FD3DE7FEFA}" srcId="{B118A677-901D-4501-89DF-79ABF8D3935B}" destId="{3C63CF14-15E0-4A52-978C-E2775CF2F6D6}" srcOrd="6" destOrd="0" parTransId="{1074FAEA-468D-4264-9013-AC0D9B121032}" sibTransId="{A59AA7F0-56E4-41B2-8EEA-61E33CC5C7E6}"/>
    <dgm:cxn modelId="{9620B368-F94C-4347-9225-51B8261EE5D2}" type="presOf" srcId="{EB03137E-9F65-485E-8661-1274F4E21515}" destId="{4209AC67-8E4C-4312-AD4A-E7747A1C1EDB}" srcOrd="0" destOrd="0" presId="urn:microsoft.com/office/officeart/2005/8/layout/cycle2"/>
    <dgm:cxn modelId="{F20C626D-995F-4185-9704-6E163DA2038D}" type="presOf" srcId="{54BEF38F-23C0-4EB4-9DA8-9662545D0F9D}" destId="{D128A369-76A0-4D4D-835F-808E2E70F7D2}" srcOrd="1" destOrd="0" presId="urn:microsoft.com/office/officeart/2005/8/layout/cycle2"/>
    <dgm:cxn modelId="{DF42526D-8AE0-40DD-8C92-1201B0CA829D}" type="presOf" srcId="{40F7633A-E389-4232-A561-7C62CB33DF57}" destId="{1A417AE2-7DCE-4A5B-AA84-E44756AEBA25}" srcOrd="0" destOrd="0" presId="urn:microsoft.com/office/officeart/2005/8/layout/cycle2"/>
    <dgm:cxn modelId="{B87DF84F-12DB-4967-B9AA-9AC355CAF162}" type="presOf" srcId="{6C64FDEA-0C82-4D3D-923A-F1470E2AAD2B}" destId="{82208B9D-5B84-4A53-8BD1-061C482929AE}" srcOrd="0" destOrd="0" presId="urn:microsoft.com/office/officeart/2005/8/layout/cycle2"/>
    <dgm:cxn modelId="{96D47C50-298A-4F89-8AE3-C0FE760594FB}" type="presOf" srcId="{B118A677-901D-4501-89DF-79ABF8D3935B}" destId="{C75CA068-B8FA-4E41-AF5E-5E9C35B970CF}" srcOrd="0" destOrd="0" presId="urn:microsoft.com/office/officeart/2005/8/layout/cycle2"/>
    <dgm:cxn modelId="{4C9CDF53-E1DC-4DF2-9EF8-2835C0501261}" type="presOf" srcId="{C57DFDF2-89C6-4115-8F49-F85E2EA27E14}" destId="{7DA4E6F5-5F82-4992-89FB-9A13017CE0DB}" srcOrd="0" destOrd="0" presId="urn:microsoft.com/office/officeart/2005/8/layout/cycle2"/>
    <dgm:cxn modelId="{8D330175-33C0-4F58-89B2-E48FDA8597C4}" type="presOf" srcId="{3B03D8DA-7765-4D4F-8302-CF83DA1FC68E}" destId="{72DBBB8A-A9D2-4A5B-A5A3-76FDD3B65AE9}" srcOrd="0" destOrd="0" presId="urn:microsoft.com/office/officeart/2005/8/layout/cycle2"/>
    <dgm:cxn modelId="{E675E975-8BE3-4C64-B6EC-9F68BE4AA5F7}" srcId="{B118A677-901D-4501-89DF-79ABF8D3935B}" destId="{EB03137E-9F65-485E-8661-1274F4E21515}" srcOrd="1" destOrd="0" parTransId="{A81FB01A-237C-452B-842A-77A7D9107EB5}" sibTransId="{BF939773-B5F9-4E03-9EFA-BBCEFB7C3AC3}"/>
    <dgm:cxn modelId="{84DECF76-B8EE-4EA9-9801-018BCCA43CC4}" srcId="{B118A677-901D-4501-89DF-79ABF8D3935B}" destId="{4F982BC8-1B5C-4792-B676-185BAA7B19E4}" srcOrd="8" destOrd="0" parTransId="{7EC6E69F-4317-4A8B-8950-B5FC26C07631}" sibTransId="{B2F803B2-7362-44B8-B917-A82A9F5C7045}"/>
    <dgm:cxn modelId="{1F59615A-DCAC-4ED0-8C5D-E885251127A2}" srcId="{B118A677-901D-4501-89DF-79ABF8D3935B}" destId="{6C64FDEA-0C82-4D3D-923A-F1470E2AAD2B}" srcOrd="0" destOrd="0" parTransId="{EFF114DD-9689-40CF-A8DA-C184CA4EEB7B}" sibTransId="{118B9D56-ED67-4BB8-B18D-3922DD6B883F}"/>
    <dgm:cxn modelId="{7A3DA681-181A-40C3-AA5B-E3F3F41FDDFD}" type="presOf" srcId="{321A4854-A173-48F2-8DD7-DEC3BD2E87F7}" destId="{4AE07AC6-7BCC-4259-9258-302018F09847}" srcOrd="1" destOrd="0" presId="urn:microsoft.com/office/officeart/2005/8/layout/cycle2"/>
    <dgm:cxn modelId="{6F07F2A5-2F9D-4110-B308-68F50E1C73C7}" srcId="{B118A677-901D-4501-89DF-79ABF8D3935B}" destId="{3B03D8DA-7765-4D4F-8302-CF83DA1FC68E}" srcOrd="5" destOrd="0" parTransId="{98208D4D-026D-4E14-8CEE-00296E217E49}" sibTransId="{712CB416-C9B9-4720-BB84-1D45B548642D}"/>
    <dgm:cxn modelId="{3AED8DA9-078B-4372-A2CB-7CAC0CA5AB1F}" type="presOf" srcId="{1B4C8C19-5181-4108-89BC-F55BA174E360}" destId="{C5FBF30B-7429-4704-90D2-4454965FD314}" srcOrd="0" destOrd="0" presId="urn:microsoft.com/office/officeart/2005/8/layout/cycle2"/>
    <dgm:cxn modelId="{5A3AD7AF-0A7D-496E-9876-F2E23913FA1F}" type="presOf" srcId="{A59AA7F0-56E4-41B2-8EEA-61E33CC5C7E6}" destId="{3A8E9418-1B85-41DA-A8B4-76F2AEC9B2DE}" srcOrd="0" destOrd="0" presId="urn:microsoft.com/office/officeart/2005/8/layout/cycle2"/>
    <dgm:cxn modelId="{32D873B6-EAD1-427D-BDBB-350F5F289ADA}" srcId="{B118A677-901D-4501-89DF-79ABF8D3935B}" destId="{1B4C8C19-5181-4108-89BC-F55BA174E360}" srcOrd="4" destOrd="0" parTransId="{057A7C1C-8F71-4437-AFC7-4B9AEAEF129F}" sibTransId="{54BEF38F-23C0-4EB4-9DA8-9662545D0F9D}"/>
    <dgm:cxn modelId="{6D4A5CB7-D4D2-450A-8D68-7CD4101D8A50}" type="presOf" srcId="{118B9D56-ED67-4BB8-B18D-3922DD6B883F}" destId="{B57CADB5-1B31-4D16-A024-FBA616362696}" srcOrd="1" destOrd="0" presId="urn:microsoft.com/office/officeart/2005/8/layout/cycle2"/>
    <dgm:cxn modelId="{A6A5F3BA-CE05-40F8-93C8-D1B903BB6609}" type="presOf" srcId="{712CB416-C9B9-4720-BB84-1D45B548642D}" destId="{9591738F-221A-46C9-9612-3024E355C661}" srcOrd="1" destOrd="0" presId="urn:microsoft.com/office/officeart/2005/8/layout/cycle2"/>
    <dgm:cxn modelId="{0F4393BD-32AF-4665-8848-D02398DF0343}" type="presOf" srcId="{B9A85ABC-BBC6-46A8-8A84-DAAF96A6B413}" destId="{3D28F87A-A54F-4F9E-93D0-051E140E9CB8}" srcOrd="0" destOrd="0" presId="urn:microsoft.com/office/officeart/2005/8/layout/cycle2"/>
    <dgm:cxn modelId="{3305ABC0-6429-4D57-8598-6CECAD1B8F82}" srcId="{B118A677-901D-4501-89DF-79ABF8D3935B}" destId="{5381A8B2-3354-4396-AE64-57DAC151BCA1}" srcOrd="9" destOrd="0" parTransId="{DBDA36F8-8932-4578-8E89-1E7DE41B00A1}" sibTransId="{321A4854-A173-48F2-8DD7-DEC3BD2E87F7}"/>
    <dgm:cxn modelId="{8D38A6C4-27F8-4E48-8580-A2E23792858B}" type="presOf" srcId="{4F982BC8-1B5C-4792-B676-185BAA7B19E4}" destId="{CDB41F4F-688C-4490-B89A-F947556A62B7}" srcOrd="0" destOrd="0" presId="urn:microsoft.com/office/officeart/2005/8/layout/cycle2"/>
    <dgm:cxn modelId="{31034EC5-5D5E-4D63-BEBF-8F1AB669D774}" srcId="{B118A677-901D-4501-89DF-79ABF8D3935B}" destId="{40F7633A-E389-4232-A561-7C62CB33DF57}" srcOrd="7" destOrd="0" parTransId="{C28C3D76-7443-46B7-9F76-B461EB67C9D5}" sibTransId="{C57DFDF2-89C6-4115-8F49-F85E2EA27E14}"/>
    <dgm:cxn modelId="{FEBC28CE-E559-420D-9D17-867919B3DA3C}" type="presOf" srcId="{5381A8B2-3354-4396-AE64-57DAC151BCA1}" destId="{34E71618-BC08-4DDB-8255-A70153FCCC66}" srcOrd="0" destOrd="0" presId="urn:microsoft.com/office/officeart/2005/8/layout/cycle2"/>
    <dgm:cxn modelId="{237A6BD5-8EF8-4915-8706-6B6ADDEDE03B}" type="presOf" srcId="{321A4854-A173-48F2-8DD7-DEC3BD2E87F7}" destId="{837037DB-FD11-48C1-8969-B6A62613B709}" srcOrd="0" destOrd="0" presId="urn:microsoft.com/office/officeart/2005/8/layout/cycle2"/>
    <dgm:cxn modelId="{FA3C71E5-6EC9-463D-AB4E-D7172DC60803}" type="presOf" srcId="{B2F803B2-7362-44B8-B917-A82A9F5C7045}" destId="{D1598D26-F537-4878-977E-1292BAB1AC8C}" srcOrd="1" destOrd="0" presId="urn:microsoft.com/office/officeart/2005/8/layout/cycle2"/>
    <dgm:cxn modelId="{FE74D2E8-61D4-4C4F-8B60-27BDBA2DFCA4}" type="presOf" srcId="{3C63CF14-15E0-4A52-978C-E2775CF2F6D6}" destId="{35D7121D-85F0-4E7F-8752-D7A676C355D2}" srcOrd="0" destOrd="0" presId="urn:microsoft.com/office/officeart/2005/8/layout/cycle2"/>
    <dgm:cxn modelId="{B1F9C5ED-6791-4F04-BD6C-814517317E0E}" type="presOf" srcId="{BF939773-B5F9-4E03-9EFA-BBCEFB7C3AC3}" destId="{733E0EF0-1FA0-4F94-BEE8-461B892C9F99}" srcOrd="0" destOrd="0" presId="urn:microsoft.com/office/officeart/2005/8/layout/cycle2"/>
    <dgm:cxn modelId="{B4DD49EF-E2BD-4A49-A804-AD7B18127F91}" type="presOf" srcId="{A59AA7F0-56E4-41B2-8EEA-61E33CC5C7E6}" destId="{5A3D895A-10C8-458C-9A06-08B816232134}" srcOrd="1" destOrd="0" presId="urn:microsoft.com/office/officeart/2005/8/layout/cycle2"/>
    <dgm:cxn modelId="{C65E01F0-2324-4829-8660-4FF6E71A7776}" srcId="{B118A677-901D-4501-89DF-79ABF8D3935B}" destId="{B9A85ABC-BBC6-46A8-8A84-DAAF96A6B413}" srcOrd="2" destOrd="0" parTransId="{0297952C-63E2-4E14-A356-02FC186317FC}" sibTransId="{241DB423-7F03-4333-9915-C66C510039B0}"/>
    <dgm:cxn modelId="{91DC0FF3-110F-436D-A109-EA85EB588E98}" srcId="{B118A677-901D-4501-89DF-79ABF8D3935B}" destId="{C410CF56-CB2E-43DC-8718-2B18E6D79976}" srcOrd="3" destOrd="0" parTransId="{190972F5-28D8-411D-8015-9EE8551338ED}" sibTransId="{3DF8F1EB-5EFB-49B9-8F74-94F5F87720E8}"/>
    <dgm:cxn modelId="{B52451FF-4DC3-4D0F-A3ED-F5A79F66F50E}" type="presOf" srcId="{B2F803B2-7362-44B8-B917-A82A9F5C7045}" destId="{EFB7B187-C31B-40AD-BE1E-5BA7F7DB24E7}" srcOrd="0" destOrd="0" presId="urn:microsoft.com/office/officeart/2005/8/layout/cycle2"/>
    <dgm:cxn modelId="{8D081AEF-C443-4F2B-A3BE-DCD2C2C83DCE}" type="presParOf" srcId="{C75CA068-B8FA-4E41-AF5E-5E9C35B970CF}" destId="{82208B9D-5B84-4A53-8BD1-061C482929AE}" srcOrd="0" destOrd="0" presId="urn:microsoft.com/office/officeart/2005/8/layout/cycle2"/>
    <dgm:cxn modelId="{1BC1A167-5E62-459F-8DBB-55EADF82A18C}" type="presParOf" srcId="{C75CA068-B8FA-4E41-AF5E-5E9C35B970CF}" destId="{E8FAE9D3-1392-4DA1-84B6-4CCB220C3BB8}" srcOrd="1" destOrd="0" presId="urn:microsoft.com/office/officeart/2005/8/layout/cycle2"/>
    <dgm:cxn modelId="{4A58E40A-77DF-47D8-A1DD-557D58F5CB02}" type="presParOf" srcId="{E8FAE9D3-1392-4DA1-84B6-4CCB220C3BB8}" destId="{B57CADB5-1B31-4D16-A024-FBA616362696}" srcOrd="0" destOrd="0" presId="urn:microsoft.com/office/officeart/2005/8/layout/cycle2"/>
    <dgm:cxn modelId="{443DF7F9-1F96-424A-8410-6FA815CBF22C}" type="presParOf" srcId="{C75CA068-B8FA-4E41-AF5E-5E9C35B970CF}" destId="{4209AC67-8E4C-4312-AD4A-E7747A1C1EDB}" srcOrd="2" destOrd="0" presId="urn:microsoft.com/office/officeart/2005/8/layout/cycle2"/>
    <dgm:cxn modelId="{71EC4D1B-5E19-41E4-AE1A-D9E0F2A1AC14}" type="presParOf" srcId="{C75CA068-B8FA-4E41-AF5E-5E9C35B970CF}" destId="{733E0EF0-1FA0-4F94-BEE8-461B892C9F99}" srcOrd="3" destOrd="0" presId="urn:microsoft.com/office/officeart/2005/8/layout/cycle2"/>
    <dgm:cxn modelId="{16BC9025-2225-4CDB-AE00-26D5AC616F3B}" type="presParOf" srcId="{733E0EF0-1FA0-4F94-BEE8-461B892C9F99}" destId="{7FF60AB9-00AF-4E96-8BA7-037BD5C7E5A3}" srcOrd="0" destOrd="0" presId="urn:microsoft.com/office/officeart/2005/8/layout/cycle2"/>
    <dgm:cxn modelId="{FDB860C3-DADB-4305-AB62-6A3BE6A9AC11}" type="presParOf" srcId="{C75CA068-B8FA-4E41-AF5E-5E9C35B970CF}" destId="{3D28F87A-A54F-4F9E-93D0-051E140E9CB8}" srcOrd="4" destOrd="0" presId="urn:microsoft.com/office/officeart/2005/8/layout/cycle2"/>
    <dgm:cxn modelId="{94DE3202-2104-4713-A3A8-8592083EC695}" type="presParOf" srcId="{C75CA068-B8FA-4E41-AF5E-5E9C35B970CF}" destId="{222EE20C-312F-49E9-A1FD-0D95FA7C24E1}" srcOrd="5" destOrd="0" presId="urn:microsoft.com/office/officeart/2005/8/layout/cycle2"/>
    <dgm:cxn modelId="{7CD3866B-E6A8-4B1A-AE9E-623A83E9936A}" type="presParOf" srcId="{222EE20C-312F-49E9-A1FD-0D95FA7C24E1}" destId="{DDAA37DD-516F-48B4-9C36-1122FAAD53FD}" srcOrd="0" destOrd="0" presId="urn:microsoft.com/office/officeart/2005/8/layout/cycle2"/>
    <dgm:cxn modelId="{2E13FDA4-91BE-4BC0-B542-E4B9F27B6F6D}" type="presParOf" srcId="{C75CA068-B8FA-4E41-AF5E-5E9C35B970CF}" destId="{9E72C8EC-FC87-45A1-81BD-5C62AFED15E0}" srcOrd="6" destOrd="0" presId="urn:microsoft.com/office/officeart/2005/8/layout/cycle2"/>
    <dgm:cxn modelId="{FF664032-3501-441B-A980-B680C019890B}" type="presParOf" srcId="{C75CA068-B8FA-4E41-AF5E-5E9C35B970CF}" destId="{4172FDB8-FD75-44E6-B636-F169466EA6F2}" srcOrd="7" destOrd="0" presId="urn:microsoft.com/office/officeart/2005/8/layout/cycle2"/>
    <dgm:cxn modelId="{F8B48CBC-D701-4B6F-B136-C2AD926A5D92}" type="presParOf" srcId="{4172FDB8-FD75-44E6-B636-F169466EA6F2}" destId="{17467B67-A001-4B8A-B8DA-78DC25A04957}" srcOrd="0" destOrd="0" presId="urn:microsoft.com/office/officeart/2005/8/layout/cycle2"/>
    <dgm:cxn modelId="{AFDB771F-83A1-4F4E-94AE-26FE8B54590B}" type="presParOf" srcId="{C75CA068-B8FA-4E41-AF5E-5E9C35B970CF}" destId="{C5FBF30B-7429-4704-90D2-4454965FD314}" srcOrd="8" destOrd="0" presId="urn:microsoft.com/office/officeart/2005/8/layout/cycle2"/>
    <dgm:cxn modelId="{DDF3DEFE-C044-4BC5-B9A8-DBB0DFE2092B}" type="presParOf" srcId="{C75CA068-B8FA-4E41-AF5E-5E9C35B970CF}" destId="{9BDCB39E-9B45-4116-ADAB-0FEE6C6B1C4B}" srcOrd="9" destOrd="0" presId="urn:microsoft.com/office/officeart/2005/8/layout/cycle2"/>
    <dgm:cxn modelId="{C4EB160D-46A1-4B4D-AA4C-9F77206057B3}" type="presParOf" srcId="{9BDCB39E-9B45-4116-ADAB-0FEE6C6B1C4B}" destId="{D128A369-76A0-4D4D-835F-808E2E70F7D2}" srcOrd="0" destOrd="0" presId="urn:microsoft.com/office/officeart/2005/8/layout/cycle2"/>
    <dgm:cxn modelId="{4BA6910B-0A98-4E6B-B908-A70E2B962093}" type="presParOf" srcId="{C75CA068-B8FA-4E41-AF5E-5E9C35B970CF}" destId="{72DBBB8A-A9D2-4A5B-A5A3-76FDD3B65AE9}" srcOrd="10" destOrd="0" presId="urn:microsoft.com/office/officeart/2005/8/layout/cycle2"/>
    <dgm:cxn modelId="{A1E02D38-E229-4F55-98A7-06C1F61C4200}" type="presParOf" srcId="{C75CA068-B8FA-4E41-AF5E-5E9C35B970CF}" destId="{5C8BDD24-6C65-47C3-86C6-768CD8448650}" srcOrd="11" destOrd="0" presId="urn:microsoft.com/office/officeart/2005/8/layout/cycle2"/>
    <dgm:cxn modelId="{FA75B905-9B4D-4E45-8A27-772B86CF68B2}" type="presParOf" srcId="{5C8BDD24-6C65-47C3-86C6-768CD8448650}" destId="{9591738F-221A-46C9-9612-3024E355C661}" srcOrd="0" destOrd="0" presId="urn:microsoft.com/office/officeart/2005/8/layout/cycle2"/>
    <dgm:cxn modelId="{ECA79A72-C194-4C52-BDAD-B95471163FDD}" type="presParOf" srcId="{C75CA068-B8FA-4E41-AF5E-5E9C35B970CF}" destId="{35D7121D-85F0-4E7F-8752-D7A676C355D2}" srcOrd="12" destOrd="0" presId="urn:microsoft.com/office/officeart/2005/8/layout/cycle2"/>
    <dgm:cxn modelId="{B57F1AC5-6C2B-4A95-9858-8D7F0780ADB3}" type="presParOf" srcId="{C75CA068-B8FA-4E41-AF5E-5E9C35B970CF}" destId="{3A8E9418-1B85-41DA-A8B4-76F2AEC9B2DE}" srcOrd="13" destOrd="0" presId="urn:microsoft.com/office/officeart/2005/8/layout/cycle2"/>
    <dgm:cxn modelId="{1025F85C-3C48-4AA4-B742-8FBFF1DB4C84}" type="presParOf" srcId="{3A8E9418-1B85-41DA-A8B4-76F2AEC9B2DE}" destId="{5A3D895A-10C8-458C-9A06-08B816232134}" srcOrd="0" destOrd="0" presId="urn:microsoft.com/office/officeart/2005/8/layout/cycle2"/>
    <dgm:cxn modelId="{39DB532B-4F29-41E2-A709-697B4F966F87}" type="presParOf" srcId="{C75CA068-B8FA-4E41-AF5E-5E9C35B970CF}" destId="{1A417AE2-7DCE-4A5B-AA84-E44756AEBA25}" srcOrd="14" destOrd="0" presId="urn:microsoft.com/office/officeart/2005/8/layout/cycle2"/>
    <dgm:cxn modelId="{3F10AFBA-5A45-401B-860B-00881AD831D1}" type="presParOf" srcId="{C75CA068-B8FA-4E41-AF5E-5E9C35B970CF}" destId="{7DA4E6F5-5F82-4992-89FB-9A13017CE0DB}" srcOrd="15" destOrd="0" presId="urn:microsoft.com/office/officeart/2005/8/layout/cycle2"/>
    <dgm:cxn modelId="{2AB126A4-4BCB-477A-B91F-DA65ADD765DD}" type="presParOf" srcId="{7DA4E6F5-5F82-4992-89FB-9A13017CE0DB}" destId="{627745EE-3BBA-4490-8B73-15AA4EE90DE8}" srcOrd="0" destOrd="0" presId="urn:microsoft.com/office/officeart/2005/8/layout/cycle2"/>
    <dgm:cxn modelId="{5D3907F2-1F91-44D7-9550-2348D8B32F65}" type="presParOf" srcId="{C75CA068-B8FA-4E41-AF5E-5E9C35B970CF}" destId="{CDB41F4F-688C-4490-B89A-F947556A62B7}" srcOrd="16" destOrd="0" presId="urn:microsoft.com/office/officeart/2005/8/layout/cycle2"/>
    <dgm:cxn modelId="{A88536CB-FDB0-42E7-BCB5-6BFC1D745E22}" type="presParOf" srcId="{C75CA068-B8FA-4E41-AF5E-5E9C35B970CF}" destId="{EFB7B187-C31B-40AD-BE1E-5BA7F7DB24E7}" srcOrd="17" destOrd="0" presId="urn:microsoft.com/office/officeart/2005/8/layout/cycle2"/>
    <dgm:cxn modelId="{B837ACAC-24CF-43A7-884B-FCA928A46498}" type="presParOf" srcId="{EFB7B187-C31B-40AD-BE1E-5BA7F7DB24E7}" destId="{D1598D26-F537-4878-977E-1292BAB1AC8C}" srcOrd="0" destOrd="0" presId="urn:microsoft.com/office/officeart/2005/8/layout/cycle2"/>
    <dgm:cxn modelId="{EEC3011F-3FE4-41E6-B627-069E851C0B52}" type="presParOf" srcId="{C75CA068-B8FA-4E41-AF5E-5E9C35B970CF}" destId="{34E71618-BC08-4DDB-8255-A70153FCCC66}" srcOrd="18" destOrd="0" presId="urn:microsoft.com/office/officeart/2005/8/layout/cycle2"/>
    <dgm:cxn modelId="{ABB5EA70-E4A6-4B61-AF79-63EAD5406AAB}" type="presParOf" srcId="{C75CA068-B8FA-4E41-AF5E-5E9C35B970CF}" destId="{837037DB-FD11-48C1-8969-B6A62613B709}" srcOrd="19" destOrd="0" presId="urn:microsoft.com/office/officeart/2005/8/layout/cycle2"/>
    <dgm:cxn modelId="{DF62338A-7A9B-49A3-8DF4-DE72671CE66D}" type="presParOf" srcId="{837037DB-FD11-48C1-8969-B6A62613B709}" destId="{4AE07AC6-7BCC-4259-9258-302018F09847}" srcOrd="0" destOrd="0" presId="urn:microsoft.com/office/officeart/2005/8/layout/cycle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9567D971-7207-40DE-8CE4-A0A20534CBD0}"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US"/>
        </a:p>
      </dgm:t>
    </dgm:pt>
    <dgm:pt modelId="{3AD524C8-6450-4EDB-A668-14276E2D1A94}">
      <dgm:prSet phldrT="[Text]" custT="1"/>
      <dgm:spPr/>
      <dgm:t>
        <a:bodyPr/>
        <a:lstStyle/>
        <a:p>
          <a:r>
            <a:rPr lang="en-US" sz="1400" b="1" dirty="0">
              <a:ln>
                <a:noFill/>
              </a:ln>
              <a:solidFill>
                <a:sysClr val="windowText" lastClr="000000"/>
              </a:solidFill>
            </a:rPr>
            <a:t>Functional &amp; Useful M&amp;E System</a:t>
          </a:r>
          <a:endParaRPr lang="en-US" sz="1400" dirty="0">
            <a:ln>
              <a:noFill/>
            </a:ln>
            <a:solidFill>
              <a:sysClr val="windowText" lastClr="000000"/>
            </a:solidFill>
          </a:endParaRPr>
        </a:p>
      </dgm:t>
    </dgm:pt>
    <dgm:pt modelId="{9FE45587-6D36-448F-BC1F-4500CBC0A054}" type="parTrans" cxnId="{3BAE5F3C-EF71-4562-AF71-EC9258A4356A}">
      <dgm:prSet/>
      <dgm:spPr/>
      <dgm:t>
        <a:bodyPr/>
        <a:lstStyle/>
        <a:p>
          <a:endParaRPr lang="en-US" sz="1400">
            <a:ln>
              <a:noFill/>
            </a:ln>
            <a:solidFill>
              <a:sysClr val="windowText" lastClr="000000"/>
            </a:solidFill>
          </a:endParaRPr>
        </a:p>
      </dgm:t>
    </dgm:pt>
    <dgm:pt modelId="{24F4F9FD-15D5-4E2F-B5DA-63B50B1F0DD1}" type="sibTrans" cxnId="{3BAE5F3C-EF71-4562-AF71-EC9258A4356A}">
      <dgm:prSet/>
      <dgm:spPr/>
      <dgm:t>
        <a:bodyPr/>
        <a:lstStyle/>
        <a:p>
          <a:endParaRPr lang="en-US" sz="1400">
            <a:ln>
              <a:noFill/>
            </a:ln>
            <a:solidFill>
              <a:sysClr val="windowText" lastClr="000000"/>
            </a:solidFill>
          </a:endParaRPr>
        </a:p>
      </dgm:t>
    </dgm:pt>
    <dgm:pt modelId="{A30E6A28-DBD8-435F-BF5E-F3B604A5F5A3}">
      <dgm:prSet phldrT="[Text]" custT="1"/>
      <dgm:spPr>
        <a:solidFill>
          <a:schemeClr val="accent2"/>
        </a:solidFill>
      </dgm:spPr>
      <dgm:t>
        <a:bodyPr/>
        <a:lstStyle/>
        <a:p>
          <a:r>
            <a:rPr lang="en-US" sz="1400" dirty="0">
              <a:ln>
                <a:noFill/>
              </a:ln>
              <a:solidFill>
                <a:sysClr val="windowText" lastClr="000000"/>
              </a:solidFill>
            </a:rPr>
            <a:t>1. Data Demand</a:t>
          </a:r>
        </a:p>
      </dgm:t>
    </dgm:pt>
    <dgm:pt modelId="{13EBBFC6-55A6-4FEF-BF00-2533489F5D0C}" type="parTrans" cxnId="{8BE806D8-309D-48B6-ACD8-C460F12FA534}">
      <dgm:prSet/>
      <dgm:spPr/>
      <dgm:t>
        <a:bodyPr/>
        <a:lstStyle/>
        <a:p>
          <a:endParaRPr lang="en-US" sz="1400">
            <a:ln>
              <a:noFill/>
            </a:ln>
            <a:solidFill>
              <a:sysClr val="windowText" lastClr="000000"/>
            </a:solidFill>
          </a:endParaRPr>
        </a:p>
      </dgm:t>
    </dgm:pt>
    <dgm:pt modelId="{15F5780F-C5A7-4B9F-A844-F79BC227DECD}" type="sibTrans" cxnId="{8BE806D8-309D-48B6-ACD8-C460F12FA534}">
      <dgm:prSet/>
      <dgm:spPr/>
      <dgm:t>
        <a:bodyPr/>
        <a:lstStyle/>
        <a:p>
          <a:endParaRPr lang="en-US" sz="1400">
            <a:ln>
              <a:noFill/>
            </a:ln>
            <a:solidFill>
              <a:sysClr val="windowText" lastClr="000000"/>
            </a:solidFill>
          </a:endParaRPr>
        </a:p>
      </dgm:t>
    </dgm:pt>
    <dgm:pt modelId="{26AD6EC9-93F9-4AD9-A99A-6BC261C6A722}">
      <dgm:prSet phldrT="[Text]" custT="1"/>
      <dgm:spPr/>
      <dgm:t>
        <a:bodyPr/>
        <a:lstStyle/>
        <a:p>
          <a:pPr algn="ctr"/>
          <a:r>
            <a:rPr lang="en-US" sz="1400" b="1" dirty="0">
              <a:ln>
                <a:noFill/>
              </a:ln>
              <a:solidFill>
                <a:sysClr val="windowText" lastClr="000000"/>
              </a:solidFill>
            </a:rPr>
            <a:t>Objective: </a:t>
          </a:r>
          <a:endParaRPr lang="en-US" sz="1400" dirty="0">
            <a:ln>
              <a:noFill/>
            </a:ln>
            <a:solidFill>
              <a:sysClr val="windowText" lastClr="000000"/>
            </a:solidFill>
          </a:endParaRPr>
        </a:p>
      </dgm:t>
    </dgm:pt>
    <dgm:pt modelId="{0B985CA1-1A72-40BA-A55D-6DDADD7BF185}" type="parTrans" cxnId="{A50D5500-60E7-4741-9525-1F4E789A0791}">
      <dgm:prSet/>
      <dgm:spPr/>
      <dgm:t>
        <a:bodyPr/>
        <a:lstStyle/>
        <a:p>
          <a:endParaRPr lang="en-US" sz="1400">
            <a:ln>
              <a:noFill/>
            </a:ln>
            <a:solidFill>
              <a:sysClr val="windowText" lastClr="000000"/>
            </a:solidFill>
          </a:endParaRPr>
        </a:p>
      </dgm:t>
    </dgm:pt>
    <dgm:pt modelId="{510E31D6-3364-465F-A977-77BAABA85972}" type="sibTrans" cxnId="{A50D5500-60E7-4741-9525-1F4E789A0791}">
      <dgm:prSet/>
      <dgm:spPr/>
      <dgm:t>
        <a:bodyPr/>
        <a:lstStyle/>
        <a:p>
          <a:endParaRPr lang="en-US" sz="1400">
            <a:ln>
              <a:noFill/>
            </a:ln>
            <a:solidFill>
              <a:sysClr val="windowText" lastClr="000000"/>
            </a:solidFill>
          </a:endParaRPr>
        </a:p>
      </dgm:t>
    </dgm:pt>
    <dgm:pt modelId="{BF1956AC-682C-46D5-9A55-8676D57D0328}">
      <dgm:prSet phldrT="[Text]" custT="1"/>
      <dgm:spPr>
        <a:solidFill>
          <a:schemeClr val="accent2"/>
        </a:solidFill>
      </dgm:spPr>
      <dgm:t>
        <a:bodyPr/>
        <a:lstStyle/>
        <a:p>
          <a:pPr algn="ctr"/>
          <a:r>
            <a:rPr lang="en-US" sz="1400" dirty="0">
              <a:ln>
                <a:noFill/>
              </a:ln>
              <a:solidFill>
                <a:sysClr val="windowText" lastClr="000000"/>
              </a:solidFill>
            </a:rPr>
            <a:t>Outcomes:</a:t>
          </a:r>
        </a:p>
      </dgm:t>
    </dgm:pt>
    <dgm:pt modelId="{9C3079A6-69F9-4E41-A8C6-E179594383C5}" type="parTrans" cxnId="{24BD031B-A2D4-4373-82E2-AD14068B67A3}">
      <dgm:prSet/>
      <dgm:spPr/>
      <dgm:t>
        <a:bodyPr/>
        <a:lstStyle/>
        <a:p>
          <a:endParaRPr lang="en-US" sz="1400">
            <a:ln>
              <a:noFill/>
            </a:ln>
            <a:solidFill>
              <a:sysClr val="windowText" lastClr="000000"/>
            </a:solidFill>
          </a:endParaRPr>
        </a:p>
      </dgm:t>
    </dgm:pt>
    <dgm:pt modelId="{E2F6E39D-37CD-43F5-8497-DD17F9483526}" type="sibTrans" cxnId="{24BD031B-A2D4-4373-82E2-AD14068B67A3}">
      <dgm:prSet/>
      <dgm:spPr/>
      <dgm:t>
        <a:bodyPr/>
        <a:lstStyle/>
        <a:p>
          <a:endParaRPr lang="en-US" sz="1400">
            <a:ln>
              <a:noFill/>
            </a:ln>
            <a:solidFill>
              <a:sysClr val="windowText" lastClr="000000"/>
            </a:solidFill>
          </a:endParaRPr>
        </a:p>
      </dgm:t>
    </dgm:pt>
    <dgm:pt modelId="{3E2449B9-B1EA-4A56-921A-85B91721E4AE}">
      <dgm:prSet phldrT="[Text]" custT="1"/>
      <dgm:spPr>
        <a:solidFill>
          <a:schemeClr val="accent2"/>
        </a:solidFill>
      </dgm:spPr>
      <dgm:t>
        <a:bodyPr/>
        <a:lstStyle/>
        <a:p>
          <a:r>
            <a:rPr lang="en-US" sz="1400" dirty="0">
              <a:ln>
                <a:noFill/>
              </a:ln>
              <a:solidFill>
                <a:sysClr val="windowText" lastClr="000000"/>
              </a:solidFill>
            </a:rPr>
            <a:t>5. Administer M&amp;E Activities</a:t>
          </a:r>
        </a:p>
      </dgm:t>
    </dgm:pt>
    <dgm:pt modelId="{31BBFF02-81B5-4143-93BD-8B52410468DF}" type="parTrans" cxnId="{DB4DB783-2AF6-417E-A82E-7D16903347DE}">
      <dgm:prSet/>
      <dgm:spPr/>
      <dgm:t>
        <a:bodyPr/>
        <a:lstStyle/>
        <a:p>
          <a:endParaRPr lang="en-US" sz="1400">
            <a:ln>
              <a:noFill/>
            </a:ln>
            <a:solidFill>
              <a:sysClr val="windowText" lastClr="000000"/>
            </a:solidFill>
          </a:endParaRPr>
        </a:p>
      </dgm:t>
    </dgm:pt>
    <dgm:pt modelId="{79034042-E6E2-4FB6-A1DC-9F58F54D71A7}" type="sibTrans" cxnId="{DB4DB783-2AF6-417E-A82E-7D16903347DE}">
      <dgm:prSet/>
      <dgm:spPr/>
      <dgm:t>
        <a:bodyPr/>
        <a:lstStyle/>
        <a:p>
          <a:endParaRPr lang="en-US" sz="1400">
            <a:ln>
              <a:noFill/>
            </a:ln>
            <a:solidFill>
              <a:sysClr val="windowText" lastClr="000000"/>
            </a:solidFill>
          </a:endParaRPr>
        </a:p>
      </dgm:t>
    </dgm:pt>
    <dgm:pt modelId="{213E6ACA-5522-46BA-A2C9-6DD292D670D8}">
      <dgm:prSet phldrT="[Text]" custT="1"/>
      <dgm:spPr>
        <a:solidFill>
          <a:schemeClr val="accent2"/>
        </a:solidFill>
      </dgm:spPr>
      <dgm:t>
        <a:bodyPr/>
        <a:lstStyle/>
        <a:p>
          <a:r>
            <a:rPr lang="en-US" sz="1400" dirty="0">
              <a:ln>
                <a:noFill/>
              </a:ln>
              <a:solidFill>
                <a:sysClr val="windowText" lastClr="000000"/>
              </a:solidFill>
            </a:rPr>
            <a:t>2. Data Collection,  Processing, Management</a:t>
          </a:r>
        </a:p>
      </dgm:t>
    </dgm:pt>
    <dgm:pt modelId="{945A9356-2F5D-46EC-9E0F-01D28729E1B3}" type="parTrans" cxnId="{8364A520-5AB5-4334-94AD-2CD3ACEB27FC}">
      <dgm:prSet/>
      <dgm:spPr/>
      <dgm:t>
        <a:bodyPr/>
        <a:lstStyle/>
        <a:p>
          <a:endParaRPr lang="en-US" sz="1400">
            <a:ln>
              <a:noFill/>
            </a:ln>
            <a:solidFill>
              <a:sysClr val="windowText" lastClr="000000"/>
            </a:solidFill>
          </a:endParaRPr>
        </a:p>
      </dgm:t>
    </dgm:pt>
    <dgm:pt modelId="{9F7E137F-C539-48B6-BD7E-E595F8DC7B68}" type="sibTrans" cxnId="{8364A520-5AB5-4334-94AD-2CD3ACEB27FC}">
      <dgm:prSet/>
      <dgm:spPr/>
      <dgm:t>
        <a:bodyPr/>
        <a:lstStyle/>
        <a:p>
          <a:endParaRPr lang="en-US" sz="1400">
            <a:ln>
              <a:noFill/>
            </a:ln>
            <a:solidFill>
              <a:sysClr val="windowText" lastClr="000000"/>
            </a:solidFill>
          </a:endParaRPr>
        </a:p>
      </dgm:t>
    </dgm:pt>
    <dgm:pt modelId="{753BA08F-F460-4B7E-885D-3B9F5A196814}">
      <dgm:prSet phldrT="[Text]" custT="1"/>
      <dgm:spPr>
        <a:solidFill>
          <a:schemeClr val="accent2"/>
        </a:solidFill>
      </dgm:spPr>
      <dgm:t>
        <a:bodyPr/>
        <a:lstStyle/>
        <a:p>
          <a:r>
            <a:rPr lang="en-US" sz="1400" dirty="0">
              <a:ln>
                <a:noFill/>
              </a:ln>
              <a:solidFill>
                <a:sysClr val="windowText" lastClr="000000"/>
              </a:solidFill>
            </a:rPr>
            <a:t>3. Information Availability</a:t>
          </a:r>
        </a:p>
      </dgm:t>
    </dgm:pt>
    <dgm:pt modelId="{C2ED1EC0-8204-4B1C-8008-09C739D39E9B}" type="parTrans" cxnId="{3BC7099F-1890-4752-A29A-7ECE75F3ACC8}">
      <dgm:prSet/>
      <dgm:spPr/>
      <dgm:t>
        <a:bodyPr/>
        <a:lstStyle/>
        <a:p>
          <a:endParaRPr lang="en-US" sz="1400">
            <a:ln>
              <a:noFill/>
            </a:ln>
            <a:solidFill>
              <a:sysClr val="windowText" lastClr="000000"/>
            </a:solidFill>
          </a:endParaRPr>
        </a:p>
      </dgm:t>
    </dgm:pt>
    <dgm:pt modelId="{BAA2CE5A-6A03-4864-A81A-2C3D5ACC9328}" type="sibTrans" cxnId="{3BC7099F-1890-4752-A29A-7ECE75F3ACC8}">
      <dgm:prSet/>
      <dgm:spPr/>
      <dgm:t>
        <a:bodyPr/>
        <a:lstStyle/>
        <a:p>
          <a:endParaRPr lang="en-US" sz="1400">
            <a:ln>
              <a:noFill/>
            </a:ln>
            <a:solidFill>
              <a:sysClr val="windowText" lastClr="000000"/>
            </a:solidFill>
          </a:endParaRPr>
        </a:p>
      </dgm:t>
    </dgm:pt>
    <dgm:pt modelId="{37A3CFE0-3871-4809-AA5C-4476BF7EFF78}">
      <dgm:prSet phldrT="[Text]" custT="1"/>
      <dgm:spPr>
        <a:solidFill>
          <a:schemeClr val="accent2"/>
        </a:solidFill>
      </dgm:spPr>
      <dgm:t>
        <a:bodyPr/>
        <a:lstStyle/>
        <a:p>
          <a:r>
            <a:rPr lang="en-US" sz="1400" dirty="0">
              <a:ln>
                <a:noFill/>
              </a:ln>
              <a:solidFill>
                <a:sysClr val="windowText" lastClr="000000"/>
              </a:solidFill>
            </a:rPr>
            <a:t>4. Information Use</a:t>
          </a:r>
        </a:p>
      </dgm:t>
    </dgm:pt>
    <dgm:pt modelId="{0140C3A0-931E-40F5-A0C0-9DACC55A6970}" type="parTrans" cxnId="{6BD81881-1DA8-4D41-8883-BDA756A1D042}">
      <dgm:prSet/>
      <dgm:spPr/>
      <dgm:t>
        <a:bodyPr/>
        <a:lstStyle/>
        <a:p>
          <a:endParaRPr lang="en-US" sz="1400">
            <a:ln>
              <a:noFill/>
            </a:ln>
            <a:solidFill>
              <a:sysClr val="windowText" lastClr="000000"/>
            </a:solidFill>
          </a:endParaRPr>
        </a:p>
      </dgm:t>
    </dgm:pt>
    <dgm:pt modelId="{C6409F56-DC9E-4A7F-85B9-67A5D434ED27}" type="sibTrans" cxnId="{6BD81881-1DA8-4D41-8883-BDA756A1D042}">
      <dgm:prSet/>
      <dgm:spPr/>
      <dgm:t>
        <a:bodyPr/>
        <a:lstStyle/>
        <a:p>
          <a:endParaRPr lang="en-US" sz="1400">
            <a:ln>
              <a:noFill/>
            </a:ln>
            <a:solidFill>
              <a:sysClr val="windowText" lastClr="000000"/>
            </a:solidFill>
          </a:endParaRPr>
        </a:p>
      </dgm:t>
    </dgm:pt>
    <dgm:pt modelId="{07FAF2FE-ED7A-450D-89F1-C8EF3EE1138B}" type="pres">
      <dgm:prSet presAssocID="{9567D971-7207-40DE-8CE4-A0A20534CBD0}" presName="mainComposite" presStyleCnt="0">
        <dgm:presLayoutVars>
          <dgm:chPref val="1"/>
          <dgm:dir/>
          <dgm:animOne val="branch"/>
          <dgm:animLvl val="lvl"/>
          <dgm:resizeHandles val="exact"/>
        </dgm:presLayoutVars>
      </dgm:prSet>
      <dgm:spPr/>
    </dgm:pt>
    <dgm:pt modelId="{1E303FE0-D4B4-4FC4-9396-9A15DF859061}" type="pres">
      <dgm:prSet presAssocID="{9567D971-7207-40DE-8CE4-A0A20534CBD0}" presName="hierFlow" presStyleCnt="0"/>
      <dgm:spPr/>
    </dgm:pt>
    <dgm:pt modelId="{B3B5D74B-8BF5-4EEA-9CD9-32EAB6CB9246}" type="pres">
      <dgm:prSet presAssocID="{9567D971-7207-40DE-8CE4-A0A20534CBD0}" presName="firstBuf" presStyleCnt="0"/>
      <dgm:spPr/>
    </dgm:pt>
    <dgm:pt modelId="{3589CE01-BB58-476C-8B16-AFFF9F44D365}" type="pres">
      <dgm:prSet presAssocID="{9567D971-7207-40DE-8CE4-A0A20534CBD0}" presName="hierChild1" presStyleCnt="0">
        <dgm:presLayoutVars>
          <dgm:chPref val="1"/>
          <dgm:animOne val="branch"/>
          <dgm:animLvl val="lvl"/>
        </dgm:presLayoutVars>
      </dgm:prSet>
      <dgm:spPr/>
    </dgm:pt>
    <dgm:pt modelId="{3592CE8E-2C3C-4D28-89CC-60309474635E}" type="pres">
      <dgm:prSet presAssocID="{3AD524C8-6450-4EDB-A668-14276E2D1A94}" presName="Name17" presStyleCnt="0"/>
      <dgm:spPr/>
    </dgm:pt>
    <dgm:pt modelId="{A20A70B0-9FDE-4579-9A85-88B02A2E608A}" type="pres">
      <dgm:prSet presAssocID="{3AD524C8-6450-4EDB-A668-14276E2D1A94}" presName="level1Shape" presStyleLbl="node0" presStyleIdx="0" presStyleCnt="1" custScaleX="131335" custLinFactNeighborX="3126">
        <dgm:presLayoutVars>
          <dgm:chPref val="3"/>
        </dgm:presLayoutVars>
      </dgm:prSet>
      <dgm:spPr/>
    </dgm:pt>
    <dgm:pt modelId="{8ACAE010-BD59-415E-A463-68261AEA84A6}" type="pres">
      <dgm:prSet presAssocID="{3AD524C8-6450-4EDB-A668-14276E2D1A94}" presName="hierChild2" presStyleCnt="0"/>
      <dgm:spPr/>
    </dgm:pt>
    <dgm:pt modelId="{FF4E8691-E350-43B3-9083-FEECBB2340A4}" type="pres">
      <dgm:prSet presAssocID="{13EBBFC6-55A6-4FEF-BF00-2533489F5D0C}" presName="Name25" presStyleLbl="parChTrans1D2" presStyleIdx="0" presStyleCnt="5"/>
      <dgm:spPr/>
    </dgm:pt>
    <dgm:pt modelId="{E047DAAD-669D-4544-8258-7EBFEED32419}" type="pres">
      <dgm:prSet presAssocID="{13EBBFC6-55A6-4FEF-BF00-2533489F5D0C}" presName="connTx" presStyleLbl="parChTrans1D2" presStyleIdx="0" presStyleCnt="5"/>
      <dgm:spPr/>
    </dgm:pt>
    <dgm:pt modelId="{29A43BA3-2070-475E-B314-E2BACD5F8512}" type="pres">
      <dgm:prSet presAssocID="{A30E6A28-DBD8-435F-BF5E-F3B604A5F5A3}" presName="Name30" presStyleCnt="0"/>
      <dgm:spPr/>
    </dgm:pt>
    <dgm:pt modelId="{8B3DDF95-FC0E-4373-B5A0-B87C85C7A039}" type="pres">
      <dgm:prSet presAssocID="{A30E6A28-DBD8-435F-BF5E-F3B604A5F5A3}" presName="level2Shape" presStyleLbl="node2" presStyleIdx="0" presStyleCnt="5" custScaleX="131335" custLinFactNeighborX="9378"/>
      <dgm:spPr/>
    </dgm:pt>
    <dgm:pt modelId="{1ED90FE6-0C3E-4893-BA34-2DD562AD8000}" type="pres">
      <dgm:prSet presAssocID="{A30E6A28-DBD8-435F-BF5E-F3B604A5F5A3}" presName="hierChild3" presStyleCnt="0"/>
      <dgm:spPr/>
    </dgm:pt>
    <dgm:pt modelId="{7478AFD0-B581-4ADB-876A-5D930E53F2A1}" type="pres">
      <dgm:prSet presAssocID="{945A9356-2F5D-46EC-9E0F-01D28729E1B3}" presName="Name25" presStyleLbl="parChTrans1D2" presStyleIdx="1" presStyleCnt="5"/>
      <dgm:spPr/>
    </dgm:pt>
    <dgm:pt modelId="{14BE46D2-B976-497E-9A5C-8BE6D1CC0146}" type="pres">
      <dgm:prSet presAssocID="{945A9356-2F5D-46EC-9E0F-01D28729E1B3}" presName="connTx" presStyleLbl="parChTrans1D2" presStyleIdx="1" presStyleCnt="5"/>
      <dgm:spPr/>
    </dgm:pt>
    <dgm:pt modelId="{7BE0FD57-D59E-4130-B2B1-E629577C3B87}" type="pres">
      <dgm:prSet presAssocID="{213E6ACA-5522-46BA-A2C9-6DD292D670D8}" presName="Name30" presStyleCnt="0"/>
      <dgm:spPr/>
    </dgm:pt>
    <dgm:pt modelId="{743F437C-4266-4108-8546-DA92D068993A}" type="pres">
      <dgm:prSet presAssocID="{213E6ACA-5522-46BA-A2C9-6DD292D670D8}" presName="level2Shape" presStyleLbl="node2" presStyleIdx="1" presStyleCnt="5" custScaleX="131335" custLinFactNeighborX="9378"/>
      <dgm:spPr/>
    </dgm:pt>
    <dgm:pt modelId="{2A633BFB-2E57-4B3A-981F-DDB7132FDB08}" type="pres">
      <dgm:prSet presAssocID="{213E6ACA-5522-46BA-A2C9-6DD292D670D8}" presName="hierChild3" presStyleCnt="0"/>
      <dgm:spPr/>
    </dgm:pt>
    <dgm:pt modelId="{23A7F13A-1775-4D8F-844E-4C3A76CDAC5B}" type="pres">
      <dgm:prSet presAssocID="{C2ED1EC0-8204-4B1C-8008-09C739D39E9B}" presName="Name25" presStyleLbl="parChTrans1D2" presStyleIdx="2" presStyleCnt="5"/>
      <dgm:spPr/>
    </dgm:pt>
    <dgm:pt modelId="{32F1CA72-1234-4151-B804-B909B743C8F7}" type="pres">
      <dgm:prSet presAssocID="{C2ED1EC0-8204-4B1C-8008-09C739D39E9B}" presName="connTx" presStyleLbl="parChTrans1D2" presStyleIdx="2" presStyleCnt="5"/>
      <dgm:spPr/>
    </dgm:pt>
    <dgm:pt modelId="{19C2E477-4FFD-496C-8ADF-FCC3CC0A8BCF}" type="pres">
      <dgm:prSet presAssocID="{753BA08F-F460-4B7E-885D-3B9F5A196814}" presName="Name30" presStyleCnt="0"/>
      <dgm:spPr/>
    </dgm:pt>
    <dgm:pt modelId="{359DA775-31E6-4460-81E4-2ED2A585CC24}" type="pres">
      <dgm:prSet presAssocID="{753BA08F-F460-4B7E-885D-3B9F5A196814}" presName="level2Shape" presStyleLbl="node2" presStyleIdx="2" presStyleCnt="5" custScaleX="131335" custLinFactNeighborX="9378"/>
      <dgm:spPr/>
    </dgm:pt>
    <dgm:pt modelId="{3BF99A57-69DB-4D04-B931-E8BB100A835E}" type="pres">
      <dgm:prSet presAssocID="{753BA08F-F460-4B7E-885D-3B9F5A196814}" presName="hierChild3" presStyleCnt="0"/>
      <dgm:spPr/>
    </dgm:pt>
    <dgm:pt modelId="{B19B6641-C57C-4094-86BB-60F65D018E15}" type="pres">
      <dgm:prSet presAssocID="{0140C3A0-931E-40F5-A0C0-9DACC55A6970}" presName="Name25" presStyleLbl="parChTrans1D2" presStyleIdx="3" presStyleCnt="5"/>
      <dgm:spPr/>
    </dgm:pt>
    <dgm:pt modelId="{9DD577F2-D76C-48D5-A2F1-B66341076A47}" type="pres">
      <dgm:prSet presAssocID="{0140C3A0-931E-40F5-A0C0-9DACC55A6970}" presName="connTx" presStyleLbl="parChTrans1D2" presStyleIdx="3" presStyleCnt="5"/>
      <dgm:spPr/>
    </dgm:pt>
    <dgm:pt modelId="{1CDFB42F-2C5F-4D87-877B-112CC6C7C462}" type="pres">
      <dgm:prSet presAssocID="{37A3CFE0-3871-4809-AA5C-4476BF7EFF78}" presName="Name30" presStyleCnt="0"/>
      <dgm:spPr/>
    </dgm:pt>
    <dgm:pt modelId="{664546CA-B3A7-4293-B38E-E812B13A4847}" type="pres">
      <dgm:prSet presAssocID="{37A3CFE0-3871-4809-AA5C-4476BF7EFF78}" presName="level2Shape" presStyleLbl="node2" presStyleIdx="3" presStyleCnt="5" custScaleX="131335" custLinFactNeighborX="9378"/>
      <dgm:spPr/>
    </dgm:pt>
    <dgm:pt modelId="{7BBDE53F-E5BD-4DFF-9B89-8560D4D4D034}" type="pres">
      <dgm:prSet presAssocID="{37A3CFE0-3871-4809-AA5C-4476BF7EFF78}" presName="hierChild3" presStyleCnt="0"/>
      <dgm:spPr/>
    </dgm:pt>
    <dgm:pt modelId="{DBA7C561-2618-4FE5-90B6-A993EEB1077D}" type="pres">
      <dgm:prSet presAssocID="{31BBFF02-81B5-4143-93BD-8B52410468DF}" presName="Name25" presStyleLbl="parChTrans1D2" presStyleIdx="4" presStyleCnt="5"/>
      <dgm:spPr/>
    </dgm:pt>
    <dgm:pt modelId="{403BF905-4DD4-4817-BC84-F1291F009218}" type="pres">
      <dgm:prSet presAssocID="{31BBFF02-81B5-4143-93BD-8B52410468DF}" presName="connTx" presStyleLbl="parChTrans1D2" presStyleIdx="4" presStyleCnt="5"/>
      <dgm:spPr/>
    </dgm:pt>
    <dgm:pt modelId="{8AFD8C92-9E30-427B-BDD0-AF6327BA081D}" type="pres">
      <dgm:prSet presAssocID="{3E2449B9-B1EA-4A56-921A-85B91721E4AE}" presName="Name30" presStyleCnt="0"/>
      <dgm:spPr/>
    </dgm:pt>
    <dgm:pt modelId="{E15B6777-549E-4BDC-90CE-3F57DDBD6452}" type="pres">
      <dgm:prSet presAssocID="{3E2449B9-B1EA-4A56-921A-85B91721E4AE}" presName="level2Shape" presStyleLbl="node2" presStyleIdx="4" presStyleCnt="5" custScaleX="131335" custLinFactNeighborX="9378"/>
      <dgm:spPr/>
    </dgm:pt>
    <dgm:pt modelId="{7E113C1A-BC9F-4F83-9586-AE92B440BBB7}" type="pres">
      <dgm:prSet presAssocID="{3E2449B9-B1EA-4A56-921A-85B91721E4AE}" presName="hierChild3" presStyleCnt="0"/>
      <dgm:spPr/>
    </dgm:pt>
    <dgm:pt modelId="{F59B68D2-EFC1-4B68-AB8F-E5642A117B35}" type="pres">
      <dgm:prSet presAssocID="{9567D971-7207-40DE-8CE4-A0A20534CBD0}" presName="bgShapesFlow" presStyleCnt="0"/>
      <dgm:spPr/>
    </dgm:pt>
    <dgm:pt modelId="{FAD940DD-C7D9-4E7B-8203-3CBE7395EDAA}" type="pres">
      <dgm:prSet presAssocID="{26AD6EC9-93F9-4AD9-A99A-6BC261C6A722}" presName="rectComp" presStyleCnt="0"/>
      <dgm:spPr/>
    </dgm:pt>
    <dgm:pt modelId="{13418BFB-9BC6-43E7-B451-A2DFE3D84DD6}" type="pres">
      <dgm:prSet presAssocID="{26AD6EC9-93F9-4AD9-A99A-6BC261C6A722}" presName="bgRect" presStyleLbl="bgShp" presStyleIdx="0" presStyleCnt="2" custScaleX="131335"/>
      <dgm:spPr/>
    </dgm:pt>
    <dgm:pt modelId="{9C34A67C-ADD4-4FCD-8460-AB259779EFB8}" type="pres">
      <dgm:prSet presAssocID="{26AD6EC9-93F9-4AD9-A99A-6BC261C6A722}" presName="bgRectTx" presStyleLbl="bgShp" presStyleIdx="0" presStyleCnt="2">
        <dgm:presLayoutVars>
          <dgm:bulletEnabled val="1"/>
        </dgm:presLayoutVars>
      </dgm:prSet>
      <dgm:spPr/>
    </dgm:pt>
    <dgm:pt modelId="{8B27A0C3-40B6-4F3D-82F4-D885B0643BBE}" type="pres">
      <dgm:prSet presAssocID="{26AD6EC9-93F9-4AD9-A99A-6BC261C6A722}" presName="spComp" presStyleCnt="0"/>
      <dgm:spPr/>
    </dgm:pt>
    <dgm:pt modelId="{AC273CC2-AE1C-4871-A41F-00F2ED07D5C6}" type="pres">
      <dgm:prSet presAssocID="{26AD6EC9-93F9-4AD9-A99A-6BC261C6A722}" presName="hSp" presStyleCnt="0"/>
      <dgm:spPr/>
    </dgm:pt>
    <dgm:pt modelId="{4D3686F3-0D06-4F74-B2F2-F37BEF018B4C}" type="pres">
      <dgm:prSet presAssocID="{BF1956AC-682C-46D5-9A55-8676D57D0328}" presName="rectComp" presStyleCnt="0"/>
      <dgm:spPr/>
    </dgm:pt>
    <dgm:pt modelId="{22884A2A-8E53-4112-9DE3-DE230261DD52}" type="pres">
      <dgm:prSet presAssocID="{BF1956AC-682C-46D5-9A55-8676D57D0328}" presName="bgRect" presStyleLbl="bgShp" presStyleIdx="1" presStyleCnt="2" custScaleX="131335"/>
      <dgm:spPr/>
    </dgm:pt>
    <dgm:pt modelId="{2B00CA1F-B182-4729-B0E1-95782A2EFF6F}" type="pres">
      <dgm:prSet presAssocID="{BF1956AC-682C-46D5-9A55-8676D57D0328}" presName="bgRectTx" presStyleLbl="bgShp" presStyleIdx="1" presStyleCnt="2">
        <dgm:presLayoutVars>
          <dgm:bulletEnabled val="1"/>
        </dgm:presLayoutVars>
      </dgm:prSet>
      <dgm:spPr/>
    </dgm:pt>
  </dgm:ptLst>
  <dgm:cxnLst>
    <dgm:cxn modelId="{A50D5500-60E7-4741-9525-1F4E789A0791}" srcId="{9567D971-7207-40DE-8CE4-A0A20534CBD0}" destId="{26AD6EC9-93F9-4AD9-A99A-6BC261C6A722}" srcOrd="1" destOrd="0" parTransId="{0B985CA1-1A72-40BA-A55D-6DDADD7BF185}" sibTransId="{510E31D6-3364-465F-A977-77BAABA85972}"/>
    <dgm:cxn modelId="{54E88702-4990-443C-B34A-8018B2342421}" type="presOf" srcId="{C2ED1EC0-8204-4B1C-8008-09C739D39E9B}" destId="{23A7F13A-1775-4D8F-844E-4C3A76CDAC5B}" srcOrd="0" destOrd="0" presId="urn:microsoft.com/office/officeart/2005/8/layout/hierarchy5"/>
    <dgm:cxn modelId="{2EF6860E-107B-4ECF-9DEF-ACDC56231FF4}" type="presOf" srcId="{13EBBFC6-55A6-4FEF-BF00-2533489F5D0C}" destId="{E047DAAD-669D-4544-8258-7EBFEED32419}" srcOrd="1" destOrd="0" presId="urn:microsoft.com/office/officeart/2005/8/layout/hierarchy5"/>
    <dgm:cxn modelId="{59A32112-C381-4A88-BD9A-0ECFB069EC63}" type="presOf" srcId="{213E6ACA-5522-46BA-A2C9-6DD292D670D8}" destId="{743F437C-4266-4108-8546-DA92D068993A}" srcOrd="0" destOrd="0" presId="urn:microsoft.com/office/officeart/2005/8/layout/hierarchy5"/>
    <dgm:cxn modelId="{2011C219-2BA4-4B81-85D8-55AC628522E9}" type="presOf" srcId="{26AD6EC9-93F9-4AD9-A99A-6BC261C6A722}" destId="{9C34A67C-ADD4-4FCD-8460-AB259779EFB8}" srcOrd="1" destOrd="0" presId="urn:microsoft.com/office/officeart/2005/8/layout/hierarchy5"/>
    <dgm:cxn modelId="{24BD031B-A2D4-4373-82E2-AD14068B67A3}" srcId="{9567D971-7207-40DE-8CE4-A0A20534CBD0}" destId="{BF1956AC-682C-46D5-9A55-8676D57D0328}" srcOrd="2" destOrd="0" parTransId="{9C3079A6-69F9-4E41-A8C6-E179594383C5}" sibTransId="{E2F6E39D-37CD-43F5-8497-DD17F9483526}"/>
    <dgm:cxn modelId="{8364A520-5AB5-4334-94AD-2CD3ACEB27FC}" srcId="{3AD524C8-6450-4EDB-A668-14276E2D1A94}" destId="{213E6ACA-5522-46BA-A2C9-6DD292D670D8}" srcOrd="1" destOrd="0" parTransId="{945A9356-2F5D-46EC-9E0F-01D28729E1B3}" sibTransId="{9F7E137F-C539-48B6-BD7E-E595F8DC7B68}"/>
    <dgm:cxn modelId="{3BAE5F3C-EF71-4562-AF71-EC9258A4356A}" srcId="{9567D971-7207-40DE-8CE4-A0A20534CBD0}" destId="{3AD524C8-6450-4EDB-A668-14276E2D1A94}" srcOrd="0" destOrd="0" parTransId="{9FE45587-6D36-448F-BC1F-4500CBC0A054}" sibTransId="{24F4F9FD-15D5-4E2F-B5DA-63B50B1F0DD1}"/>
    <dgm:cxn modelId="{189CEF61-3E44-4EDC-BE6B-E6876F9D3F9C}" type="presOf" srcId="{C2ED1EC0-8204-4B1C-8008-09C739D39E9B}" destId="{32F1CA72-1234-4151-B804-B909B743C8F7}" srcOrd="1" destOrd="0" presId="urn:microsoft.com/office/officeart/2005/8/layout/hierarchy5"/>
    <dgm:cxn modelId="{D39AE667-3971-4274-A745-85F333ED7488}" type="presOf" srcId="{753BA08F-F460-4B7E-885D-3B9F5A196814}" destId="{359DA775-31E6-4460-81E4-2ED2A585CC24}" srcOrd="0" destOrd="0" presId="urn:microsoft.com/office/officeart/2005/8/layout/hierarchy5"/>
    <dgm:cxn modelId="{375DC06D-A66E-4E5F-8652-377144D5909F}" type="presOf" srcId="{3E2449B9-B1EA-4A56-921A-85B91721E4AE}" destId="{E15B6777-549E-4BDC-90CE-3F57DDBD6452}" srcOrd="0" destOrd="0" presId="urn:microsoft.com/office/officeart/2005/8/layout/hierarchy5"/>
    <dgm:cxn modelId="{E583DA70-4CB8-4255-B56F-A82ED917C5AA}" type="presOf" srcId="{13EBBFC6-55A6-4FEF-BF00-2533489F5D0C}" destId="{FF4E8691-E350-43B3-9083-FEECBB2340A4}" srcOrd="0" destOrd="0" presId="urn:microsoft.com/office/officeart/2005/8/layout/hierarchy5"/>
    <dgm:cxn modelId="{E8877774-91D8-406A-B310-6710499D2500}" type="presOf" srcId="{945A9356-2F5D-46EC-9E0F-01D28729E1B3}" destId="{7478AFD0-B581-4ADB-876A-5D930E53F2A1}" srcOrd="0" destOrd="0" presId="urn:microsoft.com/office/officeart/2005/8/layout/hierarchy5"/>
    <dgm:cxn modelId="{F48D487A-08EE-499A-96C5-19A0BDB10C6D}" type="presOf" srcId="{26AD6EC9-93F9-4AD9-A99A-6BC261C6A722}" destId="{13418BFB-9BC6-43E7-B451-A2DFE3D84DD6}" srcOrd="0" destOrd="0" presId="urn:microsoft.com/office/officeart/2005/8/layout/hierarchy5"/>
    <dgm:cxn modelId="{6BD81881-1DA8-4D41-8883-BDA756A1D042}" srcId="{3AD524C8-6450-4EDB-A668-14276E2D1A94}" destId="{37A3CFE0-3871-4809-AA5C-4476BF7EFF78}" srcOrd="3" destOrd="0" parTransId="{0140C3A0-931E-40F5-A0C0-9DACC55A6970}" sibTransId="{C6409F56-DC9E-4A7F-85B9-67A5D434ED27}"/>
    <dgm:cxn modelId="{DB4DB783-2AF6-417E-A82E-7D16903347DE}" srcId="{3AD524C8-6450-4EDB-A668-14276E2D1A94}" destId="{3E2449B9-B1EA-4A56-921A-85B91721E4AE}" srcOrd="4" destOrd="0" parTransId="{31BBFF02-81B5-4143-93BD-8B52410468DF}" sibTransId="{79034042-E6E2-4FB6-A1DC-9F58F54D71A7}"/>
    <dgm:cxn modelId="{0B15F283-2480-45A9-B80D-9D11112F6D42}" type="presOf" srcId="{0140C3A0-931E-40F5-A0C0-9DACC55A6970}" destId="{9DD577F2-D76C-48D5-A2F1-B66341076A47}" srcOrd="1" destOrd="0" presId="urn:microsoft.com/office/officeart/2005/8/layout/hierarchy5"/>
    <dgm:cxn modelId="{E3841787-90B8-4783-A6C3-97A6E4E86AE6}" type="presOf" srcId="{A30E6A28-DBD8-435F-BF5E-F3B604A5F5A3}" destId="{8B3DDF95-FC0E-4373-B5A0-B87C85C7A039}" srcOrd="0" destOrd="0" presId="urn:microsoft.com/office/officeart/2005/8/layout/hierarchy5"/>
    <dgm:cxn modelId="{3BC7099F-1890-4752-A29A-7ECE75F3ACC8}" srcId="{3AD524C8-6450-4EDB-A668-14276E2D1A94}" destId="{753BA08F-F460-4B7E-885D-3B9F5A196814}" srcOrd="2" destOrd="0" parTransId="{C2ED1EC0-8204-4B1C-8008-09C739D39E9B}" sibTransId="{BAA2CE5A-6A03-4864-A81A-2C3D5ACC9328}"/>
    <dgm:cxn modelId="{74153DB5-2854-4204-BE0D-4EA1557C4ECC}" type="presOf" srcId="{31BBFF02-81B5-4143-93BD-8B52410468DF}" destId="{403BF905-4DD4-4817-BC84-F1291F009218}" srcOrd="1" destOrd="0" presId="urn:microsoft.com/office/officeart/2005/8/layout/hierarchy5"/>
    <dgm:cxn modelId="{CF9E41C2-598E-4423-BEEE-153DBAE526F5}" type="presOf" srcId="{37A3CFE0-3871-4809-AA5C-4476BF7EFF78}" destId="{664546CA-B3A7-4293-B38E-E812B13A4847}" srcOrd="0" destOrd="0" presId="urn:microsoft.com/office/officeart/2005/8/layout/hierarchy5"/>
    <dgm:cxn modelId="{10E258C6-88D5-4B25-9213-77AD4CABB1DE}" type="presOf" srcId="{9567D971-7207-40DE-8CE4-A0A20534CBD0}" destId="{07FAF2FE-ED7A-450D-89F1-C8EF3EE1138B}" srcOrd="0" destOrd="0" presId="urn:microsoft.com/office/officeart/2005/8/layout/hierarchy5"/>
    <dgm:cxn modelId="{E3033CCF-8236-439A-8809-48916343A8E0}" type="presOf" srcId="{BF1956AC-682C-46D5-9A55-8676D57D0328}" destId="{22884A2A-8E53-4112-9DE3-DE230261DD52}" srcOrd="0" destOrd="0" presId="urn:microsoft.com/office/officeart/2005/8/layout/hierarchy5"/>
    <dgm:cxn modelId="{4B6936D1-C865-41A8-9710-934AC7EEFC2A}" type="presOf" srcId="{3AD524C8-6450-4EDB-A668-14276E2D1A94}" destId="{A20A70B0-9FDE-4579-9A85-88B02A2E608A}" srcOrd="0" destOrd="0" presId="urn:microsoft.com/office/officeart/2005/8/layout/hierarchy5"/>
    <dgm:cxn modelId="{8BE806D8-309D-48B6-ACD8-C460F12FA534}" srcId="{3AD524C8-6450-4EDB-A668-14276E2D1A94}" destId="{A30E6A28-DBD8-435F-BF5E-F3B604A5F5A3}" srcOrd="0" destOrd="0" parTransId="{13EBBFC6-55A6-4FEF-BF00-2533489F5D0C}" sibTransId="{15F5780F-C5A7-4B9F-A844-F79BC227DECD}"/>
    <dgm:cxn modelId="{471588D8-3CF9-4EB5-BB1F-C0F7FB94EF3F}" type="presOf" srcId="{31BBFF02-81B5-4143-93BD-8B52410468DF}" destId="{DBA7C561-2618-4FE5-90B6-A993EEB1077D}" srcOrd="0" destOrd="0" presId="urn:microsoft.com/office/officeart/2005/8/layout/hierarchy5"/>
    <dgm:cxn modelId="{A092CFE1-F879-4CC2-97A7-55CC9B2A3FE2}" type="presOf" srcId="{945A9356-2F5D-46EC-9E0F-01D28729E1B3}" destId="{14BE46D2-B976-497E-9A5C-8BE6D1CC0146}" srcOrd="1" destOrd="0" presId="urn:microsoft.com/office/officeart/2005/8/layout/hierarchy5"/>
    <dgm:cxn modelId="{0B41C7EF-0CE6-4F06-9502-3CFC812AA38A}" type="presOf" srcId="{0140C3A0-931E-40F5-A0C0-9DACC55A6970}" destId="{B19B6641-C57C-4094-86BB-60F65D018E15}" srcOrd="0" destOrd="0" presId="urn:microsoft.com/office/officeart/2005/8/layout/hierarchy5"/>
    <dgm:cxn modelId="{332F8DF1-A679-44EE-8DD3-C48F82EB549B}" type="presOf" srcId="{BF1956AC-682C-46D5-9A55-8676D57D0328}" destId="{2B00CA1F-B182-4729-B0E1-95782A2EFF6F}" srcOrd="1" destOrd="0" presId="urn:microsoft.com/office/officeart/2005/8/layout/hierarchy5"/>
    <dgm:cxn modelId="{7F755D25-82F6-4349-84AB-A46A6ADD6FA5}" type="presParOf" srcId="{07FAF2FE-ED7A-450D-89F1-C8EF3EE1138B}" destId="{1E303FE0-D4B4-4FC4-9396-9A15DF859061}" srcOrd="0" destOrd="0" presId="urn:microsoft.com/office/officeart/2005/8/layout/hierarchy5"/>
    <dgm:cxn modelId="{DEBD285F-AF0A-4812-9E24-ECD3F7B01443}" type="presParOf" srcId="{1E303FE0-D4B4-4FC4-9396-9A15DF859061}" destId="{B3B5D74B-8BF5-4EEA-9CD9-32EAB6CB9246}" srcOrd="0" destOrd="0" presId="urn:microsoft.com/office/officeart/2005/8/layout/hierarchy5"/>
    <dgm:cxn modelId="{76C4AB08-BD2B-4CBF-B0E2-25D2F5DBBA13}" type="presParOf" srcId="{1E303FE0-D4B4-4FC4-9396-9A15DF859061}" destId="{3589CE01-BB58-476C-8B16-AFFF9F44D365}" srcOrd="1" destOrd="0" presId="urn:microsoft.com/office/officeart/2005/8/layout/hierarchy5"/>
    <dgm:cxn modelId="{F73DC77A-26FE-4BC7-9C9C-ADC83C367F9E}" type="presParOf" srcId="{3589CE01-BB58-476C-8B16-AFFF9F44D365}" destId="{3592CE8E-2C3C-4D28-89CC-60309474635E}" srcOrd="0" destOrd="0" presId="urn:microsoft.com/office/officeart/2005/8/layout/hierarchy5"/>
    <dgm:cxn modelId="{E69204AA-E41A-461D-9A0F-F0FD0A745751}" type="presParOf" srcId="{3592CE8E-2C3C-4D28-89CC-60309474635E}" destId="{A20A70B0-9FDE-4579-9A85-88B02A2E608A}" srcOrd="0" destOrd="0" presId="urn:microsoft.com/office/officeart/2005/8/layout/hierarchy5"/>
    <dgm:cxn modelId="{1287AE9F-031E-4DB1-A89D-3BD47C048641}" type="presParOf" srcId="{3592CE8E-2C3C-4D28-89CC-60309474635E}" destId="{8ACAE010-BD59-415E-A463-68261AEA84A6}" srcOrd="1" destOrd="0" presId="urn:microsoft.com/office/officeart/2005/8/layout/hierarchy5"/>
    <dgm:cxn modelId="{CA1138F1-F8AD-47DF-BA27-BBE8A82DD527}" type="presParOf" srcId="{8ACAE010-BD59-415E-A463-68261AEA84A6}" destId="{FF4E8691-E350-43B3-9083-FEECBB2340A4}" srcOrd="0" destOrd="0" presId="urn:microsoft.com/office/officeart/2005/8/layout/hierarchy5"/>
    <dgm:cxn modelId="{995E4630-DF7E-4C6B-B314-6E25E627ABEC}" type="presParOf" srcId="{FF4E8691-E350-43B3-9083-FEECBB2340A4}" destId="{E047DAAD-669D-4544-8258-7EBFEED32419}" srcOrd="0" destOrd="0" presId="urn:microsoft.com/office/officeart/2005/8/layout/hierarchy5"/>
    <dgm:cxn modelId="{DA08826A-5157-4A52-88CD-98149569A8C0}" type="presParOf" srcId="{8ACAE010-BD59-415E-A463-68261AEA84A6}" destId="{29A43BA3-2070-475E-B314-E2BACD5F8512}" srcOrd="1" destOrd="0" presId="urn:microsoft.com/office/officeart/2005/8/layout/hierarchy5"/>
    <dgm:cxn modelId="{60BBB597-3C6A-48F6-910B-4841AB6BCD09}" type="presParOf" srcId="{29A43BA3-2070-475E-B314-E2BACD5F8512}" destId="{8B3DDF95-FC0E-4373-B5A0-B87C85C7A039}" srcOrd="0" destOrd="0" presId="urn:microsoft.com/office/officeart/2005/8/layout/hierarchy5"/>
    <dgm:cxn modelId="{877CBCDB-BDAD-4A92-894B-A3830C51F049}" type="presParOf" srcId="{29A43BA3-2070-475E-B314-E2BACD5F8512}" destId="{1ED90FE6-0C3E-4893-BA34-2DD562AD8000}" srcOrd="1" destOrd="0" presId="urn:microsoft.com/office/officeart/2005/8/layout/hierarchy5"/>
    <dgm:cxn modelId="{3E098587-E355-4AC7-9673-97C0E701E0B4}" type="presParOf" srcId="{8ACAE010-BD59-415E-A463-68261AEA84A6}" destId="{7478AFD0-B581-4ADB-876A-5D930E53F2A1}" srcOrd="2" destOrd="0" presId="urn:microsoft.com/office/officeart/2005/8/layout/hierarchy5"/>
    <dgm:cxn modelId="{9FA71494-C045-4A70-A3AD-8DDEC3EA2024}" type="presParOf" srcId="{7478AFD0-B581-4ADB-876A-5D930E53F2A1}" destId="{14BE46D2-B976-497E-9A5C-8BE6D1CC0146}" srcOrd="0" destOrd="0" presId="urn:microsoft.com/office/officeart/2005/8/layout/hierarchy5"/>
    <dgm:cxn modelId="{2918BF2F-BFAA-4C73-BF81-744D318E9AA8}" type="presParOf" srcId="{8ACAE010-BD59-415E-A463-68261AEA84A6}" destId="{7BE0FD57-D59E-4130-B2B1-E629577C3B87}" srcOrd="3" destOrd="0" presId="urn:microsoft.com/office/officeart/2005/8/layout/hierarchy5"/>
    <dgm:cxn modelId="{EA54701C-45DA-4D8C-9190-931891DB1260}" type="presParOf" srcId="{7BE0FD57-D59E-4130-B2B1-E629577C3B87}" destId="{743F437C-4266-4108-8546-DA92D068993A}" srcOrd="0" destOrd="0" presId="urn:microsoft.com/office/officeart/2005/8/layout/hierarchy5"/>
    <dgm:cxn modelId="{3EBF5C31-0F48-4F10-B898-C89CCD9F2EAB}" type="presParOf" srcId="{7BE0FD57-D59E-4130-B2B1-E629577C3B87}" destId="{2A633BFB-2E57-4B3A-981F-DDB7132FDB08}" srcOrd="1" destOrd="0" presId="urn:microsoft.com/office/officeart/2005/8/layout/hierarchy5"/>
    <dgm:cxn modelId="{EE98EA98-447A-4CEC-922A-9B1CC0ACA18A}" type="presParOf" srcId="{8ACAE010-BD59-415E-A463-68261AEA84A6}" destId="{23A7F13A-1775-4D8F-844E-4C3A76CDAC5B}" srcOrd="4" destOrd="0" presId="urn:microsoft.com/office/officeart/2005/8/layout/hierarchy5"/>
    <dgm:cxn modelId="{988D850C-93E5-4BC7-B1A3-00DFFBA53CFF}" type="presParOf" srcId="{23A7F13A-1775-4D8F-844E-4C3A76CDAC5B}" destId="{32F1CA72-1234-4151-B804-B909B743C8F7}" srcOrd="0" destOrd="0" presId="urn:microsoft.com/office/officeart/2005/8/layout/hierarchy5"/>
    <dgm:cxn modelId="{8B132733-9605-4A85-8D5C-1F5BEB314239}" type="presParOf" srcId="{8ACAE010-BD59-415E-A463-68261AEA84A6}" destId="{19C2E477-4FFD-496C-8ADF-FCC3CC0A8BCF}" srcOrd="5" destOrd="0" presId="urn:microsoft.com/office/officeart/2005/8/layout/hierarchy5"/>
    <dgm:cxn modelId="{BE897CF0-BA54-4B66-B17C-F4E514850CF1}" type="presParOf" srcId="{19C2E477-4FFD-496C-8ADF-FCC3CC0A8BCF}" destId="{359DA775-31E6-4460-81E4-2ED2A585CC24}" srcOrd="0" destOrd="0" presId="urn:microsoft.com/office/officeart/2005/8/layout/hierarchy5"/>
    <dgm:cxn modelId="{6FBF9CF7-D2E7-41F7-9ED8-AF8C2B40D0EF}" type="presParOf" srcId="{19C2E477-4FFD-496C-8ADF-FCC3CC0A8BCF}" destId="{3BF99A57-69DB-4D04-B931-E8BB100A835E}" srcOrd="1" destOrd="0" presId="urn:microsoft.com/office/officeart/2005/8/layout/hierarchy5"/>
    <dgm:cxn modelId="{6D9947B7-5049-4226-A7BD-E8CBD260C01F}" type="presParOf" srcId="{8ACAE010-BD59-415E-A463-68261AEA84A6}" destId="{B19B6641-C57C-4094-86BB-60F65D018E15}" srcOrd="6" destOrd="0" presId="urn:microsoft.com/office/officeart/2005/8/layout/hierarchy5"/>
    <dgm:cxn modelId="{A49DE587-1245-4F6D-BF4F-A18562549F8F}" type="presParOf" srcId="{B19B6641-C57C-4094-86BB-60F65D018E15}" destId="{9DD577F2-D76C-48D5-A2F1-B66341076A47}" srcOrd="0" destOrd="0" presId="urn:microsoft.com/office/officeart/2005/8/layout/hierarchy5"/>
    <dgm:cxn modelId="{133F584B-52DB-4F16-8D5A-42FBF69D16E6}" type="presParOf" srcId="{8ACAE010-BD59-415E-A463-68261AEA84A6}" destId="{1CDFB42F-2C5F-4D87-877B-112CC6C7C462}" srcOrd="7" destOrd="0" presId="urn:microsoft.com/office/officeart/2005/8/layout/hierarchy5"/>
    <dgm:cxn modelId="{07D86E1D-411D-4FF0-AA9A-FDC0335E4C10}" type="presParOf" srcId="{1CDFB42F-2C5F-4D87-877B-112CC6C7C462}" destId="{664546CA-B3A7-4293-B38E-E812B13A4847}" srcOrd="0" destOrd="0" presId="urn:microsoft.com/office/officeart/2005/8/layout/hierarchy5"/>
    <dgm:cxn modelId="{101BC7EC-1F0F-4695-BE8B-F66107C92F94}" type="presParOf" srcId="{1CDFB42F-2C5F-4D87-877B-112CC6C7C462}" destId="{7BBDE53F-E5BD-4DFF-9B89-8560D4D4D034}" srcOrd="1" destOrd="0" presId="urn:microsoft.com/office/officeart/2005/8/layout/hierarchy5"/>
    <dgm:cxn modelId="{49536654-7C58-4D99-AC42-F6CC7B94AB31}" type="presParOf" srcId="{8ACAE010-BD59-415E-A463-68261AEA84A6}" destId="{DBA7C561-2618-4FE5-90B6-A993EEB1077D}" srcOrd="8" destOrd="0" presId="urn:microsoft.com/office/officeart/2005/8/layout/hierarchy5"/>
    <dgm:cxn modelId="{8C4A5CFE-227E-4C56-8755-01E6A588B026}" type="presParOf" srcId="{DBA7C561-2618-4FE5-90B6-A993EEB1077D}" destId="{403BF905-4DD4-4817-BC84-F1291F009218}" srcOrd="0" destOrd="0" presId="urn:microsoft.com/office/officeart/2005/8/layout/hierarchy5"/>
    <dgm:cxn modelId="{C429D416-788C-46B3-887C-8ED230F8375E}" type="presParOf" srcId="{8ACAE010-BD59-415E-A463-68261AEA84A6}" destId="{8AFD8C92-9E30-427B-BDD0-AF6327BA081D}" srcOrd="9" destOrd="0" presId="urn:microsoft.com/office/officeart/2005/8/layout/hierarchy5"/>
    <dgm:cxn modelId="{3A7BF555-F378-41D9-9054-87391F1B820A}" type="presParOf" srcId="{8AFD8C92-9E30-427B-BDD0-AF6327BA081D}" destId="{E15B6777-549E-4BDC-90CE-3F57DDBD6452}" srcOrd="0" destOrd="0" presId="urn:microsoft.com/office/officeart/2005/8/layout/hierarchy5"/>
    <dgm:cxn modelId="{9BC66553-26D4-4CAD-A7DB-BC4CD13CD96C}" type="presParOf" srcId="{8AFD8C92-9E30-427B-BDD0-AF6327BA081D}" destId="{7E113C1A-BC9F-4F83-9586-AE92B440BBB7}" srcOrd="1" destOrd="0" presId="urn:microsoft.com/office/officeart/2005/8/layout/hierarchy5"/>
    <dgm:cxn modelId="{530353D8-23E2-4592-8A80-AEF4B3D691AF}" type="presParOf" srcId="{07FAF2FE-ED7A-450D-89F1-C8EF3EE1138B}" destId="{F59B68D2-EFC1-4B68-AB8F-E5642A117B35}" srcOrd="1" destOrd="0" presId="urn:microsoft.com/office/officeart/2005/8/layout/hierarchy5"/>
    <dgm:cxn modelId="{B1E3D3A6-E46F-44EF-BDB3-47D78559B64C}" type="presParOf" srcId="{F59B68D2-EFC1-4B68-AB8F-E5642A117B35}" destId="{FAD940DD-C7D9-4E7B-8203-3CBE7395EDAA}" srcOrd="0" destOrd="0" presId="urn:microsoft.com/office/officeart/2005/8/layout/hierarchy5"/>
    <dgm:cxn modelId="{EDB313D3-E9F5-4630-9E6E-AF536931F1FC}" type="presParOf" srcId="{FAD940DD-C7D9-4E7B-8203-3CBE7395EDAA}" destId="{13418BFB-9BC6-43E7-B451-A2DFE3D84DD6}" srcOrd="0" destOrd="0" presId="urn:microsoft.com/office/officeart/2005/8/layout/hierarchy5"/>
    <dgm:cxn modelId="{8EEDAB39-8F24-4371-9EFA-B61845397425}" type="presParOf" srcId="{FAD940DD-C7D9-4E7B-8203-3CBE7395EDAA}" destId="{9C34A67C-ADD4-4FCD-8460-AB259779EFB8}" srcOrd="1" destOrd="0" presId="urn:microsoft.com/office/officeart/2005/8/layout/hierarchy5"/>
    <dgm:cxn modelId="{56D67AC6-6DDB-4CF5-A56E-2122008DE1EC}" type="presParOf" srcId="{F59B68D2-EFC1-4B68-AB8F-E5642A117B35}" destId="{8B27A0C3-40B6-4F3D-82F4-D885B0643BBE}" srcOrd="1" destOrd="0" presId="urn:microsoft.com/office/officeart/2005/8/layout/hierarchy5"/>
    <dgm:cxn modelId="{FFB57AEF-A03C-44A6-B989-835C59986DE4}" type="presParOf" srcId="{8B27A0C3-40B6-4F3D-82F4-D885B0643BBE}" destId="{AC273CC2-AE1C-4871-A41F-00F2ED07D5C6}" srcOrd="0" destOrd="0" presId="urn:microsoft.com/office/officeart/2005/8/layout/hierarchy5"/>
    <dgm:cxn modelId="{5D275B61-289A-4BF4-8EC7-C3560CA1B3D6}" type="presParOf" srcId="{F59B68D2-EFC1-4B68-AB8F-E5642A117B35}" destId="{4D3686F3-0D06-4F74-B2F2-F37BEF018B4C}" srcOrd="2" destOrd="0" presId="urn:microsoft.com/office/officeart/2005/8/layout/hierarchy5"/>
    <dgm:cxn modelId="{84A96834-CE3E-458C-9299-0B99BF64518F}" type="presParOf" srcId="{4D3686F3-0D06-4F74-B2F2-F37BEF018B4C}" destId="{22884A2A-8E53-4112-9DE3-DE230261DD52}" srcOrd="0" destOrd="0" presId="urn:microsoft.com/office/officeart/2005/8/layout/hierarchy5"/>
    <dgm:cxn modelId="{860172F0-2A3F-4F7B-906F-C0F8AB4DAFC1}" type="presParOf" srcId="{4D3686F3-0D06-4F74-B2F2-F37BEF018B4C}" destId="{2B00CA1F-B182-4729-B0E1-95782A2EFF6F}" srcOrd="1" destOrd="0" presId="urn:microsoft.com/office/officeart/2005/8/layout/hierarchy5"/>
  </dgm:cxnLst>
  <dgm:bg/>
  <dgm:whole>
    <a:ln>
      <a:solidFill>
        <a:schemeClr val="tx2"/>
      </a:solidFill>
    </a:ln>
  </dgm:whole>
  <dgm:extLst>
    <a:ext uri="http://schemas.microsoft.com/office/drawing/2008/diagram">
      <dsp:dataModelExt xmlns:dsp="http://schemas.microsoft.com/office/drawing/2008/diagram" relId="rId6"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B118A677-901D-4501-89DF-79ABF8D3935B}" type="doc">
      <dgm:prSet loTypeId="urn:microsoft.com/office/officeart/2005/8/layout/cycle2" loCatId="cycle" qsTypeId="urn:microsoft.com/office/officeart/2005/8/quickstyle/3d1" qsCatId="3D" csTypeId="urn:microsoft.com/office/officeart/2005/8/colors/colorful2" csCatId="colorful" phldr="1"/>
      <dgm:spPr/>
    </dgm:pt>
    <dgm:pt modelId="{6C64FDEA-0C82-4D3D-923A-F1470E2AAD2B}">
      <dgm:prSet phldrT="[Text]" custT="1"/>
      <dgm:spPr/>
      <dgm:t>
        <a:bodyPr/>
        <a:lstStyle/>
        <a:p>
          <a:r>
            <a:rPr lang="en-US" sz="1600" dirty="0"/>
            <a:t>Identify data needs</a:t>
          </a:r>
        </a:p>
      </dgm:t>
    </dgm:pt>
    <dgm:pt modelId="{EFF114DD-9689-40CF-A8DA-C184CA4EEB7B}" type="parTrans" cxnId="{1F59615A-DCAC-4ED0-8C5D-E885251127A2}">
      <dgm:prSet/>
      <dgm:spPr/>
      <dgm:t>
        <a:bodyPr/>
        <a:lstStyle/>
        <a:p>
          <a:endParaRPr lang="en-US" sz="1600"/>
        </a:p>
      </dgm:t>
    </dgm:pt>
    <dgm:pt modelId="{118B9D56-ED67-4BB8-B18D-3922DD6B883F}" type="sibTrans" cxnId="{1F59615A-DCAC-4ED0-8C5D-E885251127A2}">
      <dgm:prSet custT="1"/>
      <dgm:spPr/>
      <dgm:t>
        <a:bodyPr/>
        <a:lstStyle/>
        <a:p>
          <a:endParaRPr lang="en-US" sz="1600"/>
        </a:p>
      </dgm:t>
    </dgm:pt>
    <dgm:pt modelId="{B9A85ABC-BBC6-46A8-8A84-DAAF96A6B413}">
      <dgm:prSet phldrT="[Text]" custT="1"/>
      <dgm:spPr/>
      <dgm:t>
        <a:bodyPr/>
        <a:lstStyle/>
        <a:p>
          <a:r>
            <a:rPr lang="en-US" sz="1600" dirty="0"/>
            <a:t>Test forms &amp; process</a:t>
          </a:r>
        </a:p>
      </dgm:t>
    </dgm:pt>
    <dgm:pt modelId="{0297952C-63E2-4E14-A356-02FC186317FC}" type="parTrans" cxnId="{C65E01F0-2324-4829-8660-4FF6E71A7776}">
      <dgm:prSet/>
      <dgm:spPr/>
      <dgm:t>
        <a:bodyPr/>
        <a:lstStyle/>
        <a:p>
          <a:endParaRPr lang="en-US" sz="1600"/>
        </a:p>
      </dgm:t>
    </dgm:pt>
    <dgm:pt modelId="{241DB423-7F03-4333-9915-C66C510039B0}" type="sibTrans" cxnId="{C65E01F0-2324-4829-8660-4FF6E71A7776}">
      <dgm:prSet custT="1"/>
      <dgm:spPr/>
      <dgm:t>
        <a:bodyPr/>
        <a:lstStyle/>
        <a:p>
          <a:endParaRPr lang="en-US" sz="1600"/>
        </a:p>
      </dgm:t>
    </dgm:pt>
    <dgm:pt modelId="{C410CF56-CB2E-43DC-8718-2B18E6D79976}">
      <dgm:prSet phldrT="[Text]" custT="1"/>
      <dgm:spPr/>
      <dgm:t>
        <a:bodyPr/>
        <a:lstStyle/>
        <a:p>
          <a:r>
            <a:rPr lang="en-US" sz="1600" dirty="0"/>
            <a:t>Roll-out forms &amp; process</a:t>
          </a:r>
        </a:p>
      </dgm:t>
    </dgm:pt>
    <dgm:pt modelId="{190972F5-28D8-411D-8015-9EE8551338ED}" type="parTrans" cxnId="{91DC0FF3-110F-436D-A109-EA85EB588E98}">
      <dgm:prSet/>
      <dgm:spPr/>
      <dgm:t>
        <a:bodyPr/>
        <a:lstStyle/>
        <a:p>
          <a:endParaRPr lang="en-US" sz="1600"/>
        </a:p>
      </dgm:t>
    </dgm:pt>
    <dgm:pt modelId="{3DF8F1EB-5EFB-49B9-8F74-94F5F87720E8}" type="sibTrans" cxnId="{91DC0FF3-110F-436D-A109-EA85EB588E98}">
      <dgm:prSet custT="1"/>
      <dgm:spPr/>
      <dgm:t>
        <a:bodyPr/>
        <a:lstStyle/>
        <a:p>
          <a:endParaRPr lang="en-US" sz="1600"/>
        </a:p>
      </dgm:t>
    </dgm:pt>
    <dgm:pt modelId="{1B4C8C19-5181-4108-89BC-F55BA174E360}">
      <dgm:prSet phldrT="[Text]" custT="1"/>
      <dgm:spPr>
        <a:solidFill>
          <a:schemeClr val="accent1"/>
        </a:solidFill>
      </dgm:spPr>
      <dgm:t>
        <a:bodyPr/>
        <a:lstStyle/>
        <a:p>
          <a:r>
            <a:rPr lang="en-US" sz="1600" dirty="0"/>
            <a:t>Collect data</a:t>
          </a:r>
        </a:p>
      </dgm:t>
    </dgm:pt>
    <dgm:pt modelId="{057A7C1C-8F71-4437-AFC7-4B9AEAEF129F}" type="parTrans" cxnId="{32D873B6-EAD1-427D-BDBB-350F5F289ADA}">
      <dgm:prSet/>
      <dgm:spPr/>
      <dgm:t>
        <a:bodyPr/>
        <a:lstStyle/>
        <a:p>
          <a:endParaRPr lang="en-US" sz="1600"/>
        </a:p>
      </dgm:t>
    </dgm:pt>
    <dgm:pt modelId="{54BEF38F-23C0-4EB4-9DA8-9662545D0F9D}" type="sibTrans" cxnId="{32D873B6-EAD1-427D-BDBB-350F5F289ADA}">
      <dgm:prSet custT="1"/>
      <dgm:spPr/>
      <dgm:t>
        <a:bodyPr/>
        <a:lstStyle/>
        <a:p>
          <a:endParaRPr lang="en-US" sz="1600"/>
        </a:p>
      </dgm:t>
    </dgm:pt>
    <dgm:pt modelId="{3B03D8DA-7765-4D4F-8302-CF83DA1FC68E}">
      <dgm:prSet phldrT="[Text]" custT="1"/>
      <dgm:spPr/>
      <dgm:t>
        <a:bodyPr/>
        <a:lstStyle/>
        <a:p>
          <a:r>
            <a:rPr lang="en-US" sz="1600" dirty="0"/>
            <a:t>Enter data into system</a:t>
          </a:r>
        </a:p>
      </dgm:t>
    </dgm:pt>
    <dgm:pt modelId="{98208D4D-026D-4E14-8CEE-00296E217E49}" type="parTrans" cxnId="{6F07F2A5-2F9D-4110-B308-68F50E1C73C7}">
      <dgm:prSet/>
      <dgm:spPr/>
      <dgm:t>
        <a:bodyPr/>
        <a:lstStyle/>
        <a:p>
          <a:endParaRPr lang="en-US" sz="1600"/>
        </a:p>
      </dgm:t>
    </dgm:pt>
    <dgm:pt modelId="{712CB416-C9B9-4720-BB84-1D45B548642D}" type="sibTrans" cxnId="{6F07F2A5-2F9D-4110-B308-68F50E1C73C7}">
      <dgm:prSet custT="1"/>
      <dgm:spPr/>
      <dgm:t>
        <a:bodyPr/>
        <a:lstStyle/>
        <a:p>
          <a:endParaRPr lang="en-US" sz="1600"/>
        </a:p>
      </dgm:t>
    </dgm:pt>
    <dgm:pt modelId="{3C63CF14-15E0-4A52-978C-E2775CF2F6D6}">
      <dgm:prSet phldrT="[Text]" custT="1"/>
      <dgm:spPr/>
      <dgm:t>
        <a:bodyPr/>
        <a:lstStyle/>
        <a:p>
          <a:r>
            <a:rPr lang="en-US" sz="1600" dirty="0"/>
            <a:t>Validate data</a:t>
          </a:r>
        </a:p>
      </dgm:t>
    </dgm:pt>
    <dgm:pt modelId="{1074FAEA-468D-4264-9013-AC0D9B121032}" type="parTrans" cxnId="{C483CD45-5F30-4A90-9593-B1FD3DE7FEFA}">
      <dgm:prSet/>
      <dgm:spPr/>
      <dgm:t>
        <a:bodyPr/>
        <a:lstStyle/>
        <a:p>
          <a:endParaRPr lang="en-US" sz="1600"/>
        </a:p>
      </dgm:t>
    </dgm:pt>
    <dgm:pt modelId="{A59AA7F0-56E4-41B2-8EEA-61E33CC5C7E6}" type="sibTrans" cxnId="{C483CD45-5F30-4A90-9593-B1FD3DE7FEFA}">
      <dgm:prSet custT="1"/>
      <dgm:spPr/>
      <dgm:t>
        <a:bodyPr/>
        <a:lstStyle/>
        <a:p>
          <a:endParaRPr lang="en-US" sz="1600"/>
        </a:p>
      </dgm:t>
    </dgm:pt>
    <dgm:pt modelId="{40F7633A-E389-4232-A561-7C62CB33DF57}">
      <dgm:prSet phldrT="[Text]" custT="1"/>
      <dgm:spPr/>
      <dgm:t>
        <a:bodyPr/>
        <a:lstStyle/>
        <a:p>
          <a:r>
            <a:rPr lang="en-US" sz="1600" dirty="0"/>
            <a:t>Manage data in MIS</a:t>
          </a:r>
        </a:p>
      </dgm:t>
    </dgm:pt>
    <dgm:pt modelId="{C28C3D76-7443-46B7-9F76-B461EB67C9D5}" type="parTrans" cxnId="{31034EC5-5D5E-4D63-BEBF-8F1AB669D774}">
      <dgm:prSet/>
      <dgm:spPr/>
      <dgm:t>
        <a:bodyPr/>
        <a:lstStyle/>
        <a:p>
          <a:endParaRPr lang="en-US" sz="1600"/>
        </a:p>
      </dgm:t>
    </dgm:pt>
    <dgm:pt modelId="{C57DFDF2-89C6-4115-8F49-F85E2EA27E14}" type="sibTrans" cxnId="{31034EC5-5D5E-4D63-BEBF-8F1AB669D774}">
      <dgm:prSet custT="1"/>
      <dgm:spPr/>
      <dgm:t>
        <a:bodyPr/>
        <a:lstStyle/>
        <a:p>
          <a:endParaRPr lang="en-US" sz="1600"/>
        </a:p>
      </dgm:t>
    </dgm:pt>
    <dgm:pt modelId="{4F982BC8-1B5C-4792-B676-185BAA7B19E4}">
      <dgm:prSet phldrT="[Text]" custT="1"/>
      <dgm:spPr/>
      <dgm:t>
        <a:bodyPr/>
        <a:lstStyle/>
        <a:p>
          <a:r>
            <a:rPr lang="en-US" sz="1600" dirty="0"/>
            <a:t>Share information</a:t>
          </a:r>
        </a:p>
      </dgm:t>
    </dgm:pt>
    <dgm:pt modelId="{7EC6E69F-4317-4A8B-8950-B5FC26C07631}" type="parTrans" cxnId="{84DECF76-B8EE-4EA9-9801-018BCCA43CC4}">
      <dgm:prSet/>
      <dgm:spPr/>
      <dgm:t>
        <a:bodyPr/>
        <a:lstStyle/>
        <a:p>
          <a:endParaRPr lang="en-US" sz="1600"/>
        </a:p>
      </dgm:t>
    </dgm:pt>
    <dgm:pt modelId="{B2F803B2-7362-44B8-B917-A82A9F5C7045}" type="sibTrans" cxnId="{84DECF76-B8EE-4EA9-9801-018BCCA43CC4}">
      <dgm:prSet/>
      <dgm:spPr/>
      <dgm:t>
        <a:bodyPr/>
        <a:lstStyle/>
        <a:p>
          <a:endParaRPr lang="en-US" sz="1600"/>
        </a:p>
      </dgm:t>
    </dgm:pt>
    <dgm:pt modelId="{5381A8B2-3354-4396-AE64-57DAC151BCA1}">
      <dgm:prSet phldrT="[Text]" custT="1"/>
      <dgm:spPr/>
      <dgm:t>
        <a:bodyPr/>
        <a:lstStyle/>
        <a:p>
          <a:r>
            <a:rPr lang="en-US" sz="1600" dirty="0"/>
            <a:t>Facilitate data use</a:t>
          </a:r>
        </a:p>
      </dgm:t>
    </dgm:pt>
    <dgm:pt modelId="{DBDA36F8-8932-4578-8E89-1E7DE41B00A1}" type="parTrans" cxnId="{3305ABC0-6429-4D57-8598-6CECAD1B8F82}">
      <dgm:prSet/>
      <dgm:spPr/>
      <dgm:t>
        <a:bodyPr/>
        <a:lstStyle/>
        <a:p>
          <a:endParaRPr lang="en-US"/>
        </a:p>
      </dgm:t>
    </dgm:pt>
    <dgm:pt modelId="{321A4854-A173-48F2-8DD7-DEC3BD2E87F7}" type="sibTrans" cxnId="{3305ABC0-6429-4D57-8598-6CECAD1B8F82}">
      <dgm:prSet/>
      <dgm:spPr/>
      <dgm:t>
        <a:bodyPr/>
        <a:lstStyle/>
        <a:p>
          <a:endParaRPr lang="en-US"/>
        </a:p>
      </dgm:t>
    </dgm:pt>
    <dgm:pt modelId="{129C7060-BCCD-44D2-BD51-8DD3DAAAC67F}">
      <dgm:prSet phldrT="[Text]"/>
      <dgm:spPr/>
      <dgm:t>
        <a:bodyPr/>
        <a:lstStyle/>
        <a:p>
          <a:r>
            <a:rPr lang="en-US" dirty="0"/>
            <a:t>Create forms &amp; process</a:t>
          </a:r>
        </a:p>
      </dgm:t>
    </dgm:pt>
    <dgm:pt modelId="{55480C4E-5164-437F-B1AE-FB95A0B1A8F2}" type="parTrans" cxnId="{F79CB3E6-DA0A-44E1-B237-4FE9C1C8BD11}">
      <dgm:prSet/>
      <dgm:spPr/>
      <dgm:t>
        <a:bodyPr/>
        <a:lstStyle/>
        <a:p>
          <a:endParaRPr lang="en-US"/>
        </a:p>
      </dgm:t>
    </dgm:pt>
    <dgm:pt modelId="{57042113-06A4-4B2F-A0EF-75FBD645B6F0}" type="sibTrans" cxnId="{F79CB3E6-DA0A-44E1-B237-4FE9C1C8BD11}">
      <dgm:prSet/>
      <dgm:spPr/>
      <dgm:t>
        <a:bodyPr/>
        <a:lstStyle/>
        <a:p>
          <a:endParaRPr lang="en-US"/>
        </a:p>
      </dgm:t>
    </dgm:pt>
    <dgm:pt modelId="{C75CA068-B8FA-4E41-AF5E-5E9C35B970CF}" type="pres">
      <dgm:prSet presAssocID="{B118A677-901D-4501-89DF-79ABF8D3935B}" presName="cycle" presStyleCnt="0">
        <dgm:presLayoutVars>
          <dgm:dir/>
          <dgm:resizeHandles val="exact"/>
        </dgm:presLayoutVars>
      </dgm:prSet>
      <dgm:spPr/>
    </dgm:pt>
    <dgm:pt modelId="{82208B9D-5B84-4A53-8BD1-061C482929AE}" type="pres">
      <dgm:prSet presAssocID="{6C64FDEA-0C82-4D3D-923A-F1470E2AAD2B}" presName="node" presStyleLbl="node1" presStyleIdx="0" presStyleCnt="10">
        <dgm:presLayoutVars>
          <dgm:bulletEnabled val="1"/>
        </dgm:presLayoutVars>
      </dgm:prSet>
      <dgm:spPr/>
    </dgm:pt>
    <dgm:pt modelId="{E8FAE9D3-1392-4DA1-84B6-4CCB220C3BB8}" type="pres">
      <dgm:prSet presAssocID="{118B9D56-ED67-4BB8-B18D-3922DD6B883F}" presName="sibTrans" presStyleLbl="sibTrans2D1" presStyleIdx="0" presStyleCnt="10"/>
      <dgm:spPr/>
    </dgm:pt>
    <dgm:pt modelId="{B57CADB5-1B31-4D16-A024-FBA616362696}" type="pres">
      <dgm:prSet presAssocID="{118B9D56-ED67-4BB8-B18D-3922DD6B883F}" presName="connectorText" presStyleLbl="sibTrans2D1" presStyleIdx="0" presStyleCnt="10"/>
      <dgm:spPr/>
    </dgm:pt>
    <dgm:pt modelId="{04EF35E1-6994-4CD2-A609-A995D5D54997}" type="pres">
      <dgm:prSet presAssocID="{129C7060-BCCD-44D2-BD51-8DD3DAAAC67F}" presName="node" presStyleLbl="node1" presStyleIdx="1" presStyleCnt="10">
        <dgm:presLayoutVars>
          <dgm:bulletEnabled val="1"/>
        </dgm:presLayoutVars>
      </dgm:prSet>
      <dgm:spPr/>
    </dgm:pt>
    <dgm:pt modelId="{62117C00-F47F-45BD-A88D-EC573CA4A872}" type="pres">
      <dgm:prSet presAssocID="{57042113-06A4-4B2F-A0EF-75FBD645B6F0}" presName="sibTrans" presStyleLbl="sibTrans2D1" presStyleIdx="1" presStyleCnt="10"/>
      <dgm:spPr/>
    </dgm:pt>
    <dgm:pt modelId="{F0077A6B-A770-40D3-AE30-9ED6FABBBC74}" type="pres">
      <dgm:prSet presAssocID="{57042113-06A4-4B2F-A0EF-75FBD645B6F0}" presName="connectorText" presStyleLbl="sibTrans2D1" presStyleIdx="1" presStyleCnt="10"/>
      <dgm:spPr/>
    </dgm:pt>
    <dgm:pt modelId="{3D28F87A-A54F-4F9E-93D0-051E140E9CB8}" type="pres">
      <dgm:prSet presAssocID="{B9A85ABC-BBC6-46A8-8A84-DAAF96A6B413}" presName="node" presStyleLbl="node1" presStyleIdx="2" presStyleCnt="10">
        <dgm:presLayoutVars>
          <dgm:bulletEnabled val="1"/>
        </dgm:presLayoutVars>
      </dgm:prSet>
      <dgm:spPr/>
    </dgm:pt>
    <dgm:pt modelId="{222EE20C-312F-49E9-A1FD-0D95FA7C24E1}" type="pres">
      <dgm:prSet presAssocID="{241DB423-7F03-4333-9915-C66C510039B0}" presName="sibTrans" presStyleLbl="sibTrans2D1" presStyleIdx="2" presStyleCnt="10"/>
      <dgm:spPr/>
    </dgm:pt>
    <dgm:pt modelId="{DDAA37DD-516F-48B4-9C36-1122FAAD53FD}" type="pres">
      <dgm:prSet presAssocID="{241DB423-7F03-4333-9915-C66C510039B0}" presName="connectorText" presStyleLbl="sibTrans2D1" presStyleIdx="2" presStyleCnt="10"/>
      <dgm:spPr/>
    </dgm:pt>
    <dgm:pt modelId="{9E72C8EC-FC87-45A1-81BD-5C62AFED15E0}" type="pres">
      <dgm:prSet presAssocID="{C410CF56-CB2E-43DC-8718-2B18E6D79976}" presName="node" presStyleLbl="node1" presStyleIdx="3" presStyleCnt="10">
        <dgm:presLayoutVars>
          <dgm:bulletEnabled val="1"/>
        </dgm:presLayoutVars>
      </dgm:prSet>
      <dgm:spPr/>
    </dgm:pt>
    <dgm:pt modelId="{4172FDB8-FD75-44E6-B636-F169466EA6F2}" type="pres">
      <dgm:prSet presAssocID="{3DF8F1EB-5EFB-49B9-8F74-94F5F87720E8}" presName="sibTrans" presStyleLbl="sibTrans2D1" presStyleIdx="3" presStyleCnt="10"/>
      <dgm:spPr/>
    </dgm:pt>
    <dgm:pt modelId="{17467B67-A001-4B8A-B8DA-78DC25A04957}" type="pres">
      <dgm:prSet presAssocID="{3DF8F1EB-5EFB-49B9-8F74-94F5F87720E8}" presName="connectorText" presStyleLbl="sibTrans2D1" presStyleIdx="3" presStyleCnt="10"/>
      <dgm:spPr/>
    </dgm:pt>
    <dgm:pt modelId="{C5FBF30B-7429-4704-90D2-4454965FD314}" type="pres">
      <dgm:prSet presAssocID="{1B4C8C19-5181-4108-89BC-F55BA174E360}" presName="node" presStyleLbl="node1" presStyleIdx="4" presStyleCnt="10" custScaleX="162914" custScaleY="152271">
        <dgm:presLayoutVars>
          <dgm:bulletEnabled val="1"/>
        </dgm:presLayoutVars>
      </dgm:prSet>
      <dgm:spPr/>
    </dgm:pt>
    <dgm:pt modelId="{9BDCB39E-9B45-4116-ADAB-0FEE6C6B1C4B}" type="pres">
      <dgm:prSet presAssocID="{54BEF38F-23C0-4EB4-9DA8-9662545D0F9D}" presName="sibTrans" presStyleLbl="sibTrans2D1" presStyleIdx="4" presStyleCnt="10"/>
      <dgm:spPr/>
    </dgm:pt>
    <dgm:pt modelId="{D128A369-76A0-4D4D-835F-808E2E70F7D2}" type="pres">
      <dgm:prSet presAssocID="{54BEF38F-23C0-4EB4-9DA8-9662545D0F9D}" presName="connectorText" presStyleLbl="sibTrans2D1" presStyleIdx="4" presStyleCnt="10"/>
      <dgm:spPr/>
    </dgm:pt>
    <dgm:pt modelId="{72DBBB8A-A9D2-4A5B-A5A3-76FDD3B65AE9}" type="pres">
      <dgm:prSet presAssocID="{3B03D8DA-7765-4D4F-8302-CF83DA1FC68E}" presName="node" presStyleLbl="node1" presStyleIdx="5" presStyleCnt="10">
        <dgm:presLayoutVars>
          <dgm:bulletEnabled val="1"/>
        </dgm:presLayoutVars>
      </dgm:prSet>
      <dgm:spPr/>
    </dgm:pt>
    <dgm:pt modelId="{5C8BDD24-6C65-47C3-86C6-768CD8448650}" type="pres">
      <dgm:prSet presAssocID="{712CB416-C9B9-4720-BB84-1D45B548642D}" presName="sibTrans" presStyleLbl="sibTrans2D1" presStyleIdx="5" presStyleCnt="10"/>
      <dgm:spPr/>
    </dgm:pt>
    <dgm:pt modelId="{9591738F-221A-46C9-9612-3024E355C661}" type="pres">
      <dgm:prSet presAssocID="{712CB416-C9B9-4720-BB84-1D45B548642D}" presName="connectorText" presStyleLbl="sibTrans2D1" presStyleIdx="5" presStyleCnt="10"/>
      <dgm:spPr/>
    </dgm:pt>
    <dgm:pt modelId="{35D7121D-85F0-4E7F-8752-D7A676C355D2}" type="pres">
      <dgm:prSet presAssocID="{3C63CF14-15E0-4A52-978C-E2775CF2F6D6}" presName="node" presStyleLbl="node1" presStyleIdx="6" presStyleCnt="10">
        <dgm:presLayoutVars>
          <dgm:bulletEnabled val="1"/>
        </dgm:presLayoutVars>
      </dgm:prSet>
      <dgm:spPr/>
    </dgm:pt>
    <dgm:pt modelId="{3A8E9418-1B85-41DA-A8B4-76F2AEC9B2DE}" type="pres">
      <dgm:prSet presAssocID="{A59AA7F0-56E4-41B2-8EEA-61E33CC5C7E6}" presName="sibTrans" presStyleLbl="sibTrans2D1" presStyleIdx="6" presStyleCnt="10"/>
      <dgm:spPr/>
    </dgm:pt>
    <dgm:pt modelId="{5A3D895A-10C8-458C-9A06-08B816232134}" type="pres">
      <dgm:prSet presAssocID="{A59AA7F0-56E4-41B2-8EEA-61E33CC5C7E6}" presName="connectorText" presStyleLbl="sibTrans2D1" presStyleIdx="6" presStyleCnt="10"/>
      <dgm:spPr/>
    </dgm:pt>
    <dgm:pt modelId="{1A417AE2-7DCE-4A5B-AA84-E44756AEBA25}" type="pres">
      <dgm:prSet presAssocID="{40F7633A-E389-4232-A561-7C62CB33DF57}" presName="node" presStyleLbl="node1" presStyleIdx="7" presStyleCnt="10">
        <dgm:presLayoutVars>
          <dgm:bulletEnabled val="1"/>
        </dgm:presLayoutVars>
      </dgm:prSet>
      <dgm:spPr/>
    </dgm:pt>
    <dgm:pt modelId="{7DA4E6F5-5F82-4992-89FB-9A13017CE0DB}" type="pres">
      <dgm:prSet presAssocID="{C57DFDF2-89C6-4115-8F49-F85E2EA27E14}" presName="sibTrans" presStyleLbl="sibTrans2D1" presStyleIdx="7" presStyleCnt="10"/>
      <dgm:spPr/>
    </dgm:pt>
    <dgm:pt modelId="{627745EE-3BBA-4490-8B73-15AA4EE90DE8}" type="pres">
      <dgm:prSet presAssocID="{C57DFDF2-89C6-4115-8F49-F85E2EA27E14}" presName="connectorText" presStyleLbl="sibTrans2D1" presStyleIdx="7" presStyleCnt="10"/>
      <dgm:spPr/>
    </dgm:pt>
    <dgm:pt modelId="{CDB41F4F-688C-4490-B89A-F947556A62B7}" type="pres">
      <dgm:prSet presAssocID="{4F982BC8-1B5C-4792-B676-185BAA7B19E4}" presName="node" presStyleLbl="node1" presStyleIdx="8" presStyleCnt="10">
        <dgm:presLayoutVars>
          <dgm:bulletEnabled val="1"/>
        </dgm:presLayoutVars>
      </dgm:prSet>
      <dgm:spPr/>
    </dgm:pt>
    <dgm:pt modelId="{EFB7B187-C31B-40AD-BE1E-5BA7F7DB24E7}" type="pres">
      <dgm:prSet presAssocID="{B2F803B2-7362-44B8-B917-A82A9F5C7045}" presName="sibTrans" presStyleLbl="sibTrans2D1" presStyleIdx="8" presStyleCnt="10"/>
      <dgm:spPr/>
    </dgm:pt>
    <dgm:pt modelId="{D1598D26-F537-4878-977E-1292BAB1AC8C}" type="pres">
      <dgm:prSet presAssocID="{B2F803B2-7362-44B8-B917-A82A9F5C7045}" presName="connectorText" presStyleLbl="sibTrans2D1" presStyleIdx="8" presStyleCnt="10"/>
      <dgm:spPr/>
    </dgm:pt>
    <dgm:pt modelId="{34E71618-BC08-4DDB-8255-A70153FCCC66}" type="pres">
      <dgm:prSet presAssocID="{5381A8B2-3354-4396-AE64-57DAC151BCA1}" presName="node" presStyleLbl="node1" presStyleIdx="9" presStyleCnt="10">
        <dgm:presLayoutVars>
          <dgm:bulletEnabled val="1"/>
        </dgm:presLayoutVars>
      </dgm:prSet>
      <dgm:spPr/>
    </dgm:pt>
    <dgm:pt modelId="{837037DB-FD11-48C1-8969-B6A62613B709}" type="pres">
      <dgm:prSet presAssocID="{321A4854-A173-48F2-8DD7-DEC3BD2E87F7}" presName="sibTrans" presStyleLbl="sibTrans2D1" presStyleIdx="9" presStyleCnt="10"/>
      <dgm:spPr/>
    </dgm:pt>
    <dgm:pt modelId="{4AE07AC6-7BCC-4259-9258-302018F09847}" type="pres">
      <dgm:prSet presAssocID="{321A4854-A173-48F2-8DD7-DEC3BD2E87F7}" presName="connectorText" presStyleLbl="sibTrans2D1" presStyleIdx="9" presStyleCnt="10"/>
      <dgm:spPr/>
    </dgm:pt>
  </dgm:ptLst>
  <dgm:cxnLst>
    <dgm:cxn modelId="{A393E604-7E37-4308-B564-2A10075A479E}" type="presOf" srcId="{241DB423-7F03-4333-9915-C66C510039B0}" destId="{222EE20C-312F-49E9-A1FD-0D95FA7C24E1}" srcOrd="0" destOrd="0" presId="urn:microsoft.com/office/officeart/2005/8/layout/cycle2"/>
    <dgm:cxn modelId="{44A31208-4AFB-44AB-A949-C696E6906087}" type="presOf" srcId="{712CB416-C9B9-4720-BB84-1D45B548642D}" destId="{5C8BDD24-6C65-47C3-86C6-768CD8448650}" srcOrd="0" destOrd="0" presId="urn:microsoft.com/office/officeart/2005/8/layout/cycle2"/>
    <dgm:cxn modelId="{D632B510-DCD7-4833-B93E-E4B83D324A7C}" type="presOf" srcId="{C57DFDF2-89C6-4115-8F49-F85E2EA27E14}" destId="{627745EE-3BBA-4490-8B73-15AA4EE90DE8}" srcOrd="1" destOrd="0" presId="urn:microsoft.com/office/officeart/2005/8/layout/cycle2"/>
    <dgm:cxn modelId="{B5415715-9A4C-423A-B372-A0934706E884}" type="presOf" srcId="{C410CF56-CB2E-43DC-8718-2B18E6D79976}" destId="{9E72C8EC-FC87-45A1-81BD-5C62AFED15E0}" srcOrd="0" destOrd="0" presId="urn:microsoft.com/office/officeart/2005/8/layout/cycle2"/>
    <dgm:cxn modelId="{31EB9A22-215B-4F0C-BED5-7CC6154EF871}" type="presOf" srcId="{54BEF38F-23C0-4EB4-9DA8-9662545D0F9D}" destId="{9BDCB39E-9B45-4116-ADAB-0FEE6C6B1C4B}" srcOrd="0" destOrd="0" presId="urn:microsoft.com/office/officeart/2005/8/layout/cycle2"/>
    <dgm:cxn modelId="{3550A53B-D1BE-4F58-833D-383C3D6D2295}" type="presOf" srcId="{241DB423-7F03-4333-9915-C66C510039B0}" destId="{DDAA37DD-516F-48B4-9C36-1122FAAD53FD}" srcOrd="1" destOrd="0" presId="urn:microsoft.com/office/officeart/2005/8/layout/cycle2"/>
    <dgm:cxn modelId="{7A6A795B-13C7-4417-8B97-8F2D4B6AEC6D}" type="presOf" srcId="{3DF8F1EB-5EFB-49B9-8F74-94F5F87720E8}" destId="{4172FDB8-FD75-44E6-B636-F169466EA6F2}" srcOrd="0" destOrd="0" presId="urn:microsoft.com/office/officeart/2005/8/layout/cycle2"/>
    <dgm:cxn modelId="{74DC9A5D-DDFA-4363-A8D3-E220F6B18AAB}" type="presOf" srcId="{118B9D56-ED67-4BB8-B18D-3922DD6B883F}" destId="{E8FAE9D3-1392-4DA1-84B6-4CCB220C3BB8}" srcOrd="0" destOrd="0" presId="urn:microsoft.com/office/officeart/2005/8/layout/cycle2"/>
    <dgm:cxn modelId="{B2AE5442-EE12-463B-8ECD-375923F4951D}" type="presOf" srcId="{57042113-06A4-4B2F-A0EF-75FBD645B6F0}" destId="{F0077A6B-A770-40D3-AE30-9ED6FABBBC74}" srcOrd="1" destOrd="0" presId="urn:microsoft.com/office/officeart/2005/8/layout/cycle2"/>
    <dgm:cxn modelId="{EAA42064-2481-4CD4-BF70-8C20AFBD36C8}" type="presOf" srcId="{3DF8F1EB-5EFB-49B9-8F74-94F5F87720E8}" destId="{17467B67-A001-4B8A-B8DA-78DC25A04957}" srcOrd="1" destOrd="0" presId="urn:microsoft.com/office/officeart/2005/8/layout/cycle2"/>
    <dgm:cxn modelId="{C483CD45-5F30-4A90-9593-B1FD3DE7FEFA}" srcId="{B118A677-901D-4501-89DF-79ABF8D3935B}" destId="{3C63CF14-15E0-4A52-978C-E2775CF2F6D6}" srcOrd="6" destOrd="0" parTransId="{1074FAEA-468D-4264-9013-AC0D9B121032}" sibTransId="{A59AA7F0-56E4-41B2-8EEA-61E33CC5C7E6}"/>
    <dgm:cxn modelId="{E0D1F265-2DBC-493C-99EF-C6C4178A27A6}" type="presOf" srcId="{57042113-06A4-4B2F-A0EF-75FBD645B6F0}" destId="{62117C00-F47F-45BD-A88D-EC573CA4A872}" srcOrd="0" destOrd="0" presId="urn:microsoft.com/office/officeart/2005/8/layout/cycle2"/>
    <dgm:cxn modelId="{F20C626D-995F-4185-9704-6E163DA2038D}" type="presOf" srcId="{54BEF38F-23C0-4EB4-9DA8-9662545D0F9D}" destId="{D128A369-76A0-4D4D-835F-808E2E70F7D2}" srcOrd="1" destOrd="0" presId="urn:microsoft.com/office/officeart/2005/8/layout/cycle2"/>
    <dgm:cxn modelId="{DF42526D-8AE0-40DD-8C92-1201B0CA829D}" type="presOf" srcId="{40F7633A-E389-4232-A561-7C62CB33DF57}" destId="{1A417AE2-7DCE-4A5B-AA84-E44756AEBA25}" srcOrd="0" destOrd="0" presId="urn:microsoft.com/office/officeart/2005/8/layout/cycle2"/>
    <dgm:cxn modelId="{B87DF84F-12DB-4967-B9AA-9AC355CAF162}" type="presOf" srcId="{6C64FDEA-0C82-4D3D-923A-F1470E2AAD2B}" destId="{82208B9D-5B84-4A53-8BD1-061C482929AE}" srcOrd="0" destOrd="0" presId="urn:microsoft.com/office/officeart/2005/8/layout/cycle2"/>
    <dgm:cxn modelId="{96D47C50-298A-4F89-8AE3-C0FE760594FB}" type="presOf" srcId="{B118A677-901D-4501-89DF-79ABF8D3935B}" destId="{C75CA068-B8FA-4E41-AF5E-5E9C35B970CF}" srcOrd="0" destOrd="0" presId="urn:microsoft.com/office/officeart/2005/8/layout/cycle2"/>
    <dgm:cxn modelId="{4C9CDF53-E1DC-4DF2-9EF8-2835C0501261}" type="presOf" srcId="{C57DFDF2-89C6-4115-8F49-F85E2EA27E14}" destId="{7DA4E6F5-5F82-4992-89FB-9A13017CE0DB}" srcOrd="0" destOrd="0" presId="urn:microsoft.com/office/officeart/2005/8/layout/cycle2"/>
    <dgm:cxn modelId="{8D330175-33C0-4F58-89B2-E48FDA8597C4}" type="presOf" srcId="{3B03D8DA-7765-4D4F-8302-CF83DA1FC68E}" destId="{72DBBB8A-A9D2-4A5B-A5A3-76FDD3B65AE9}" srcOrd="0" destOrd="0" presId="urn:microsoft.com/office/officeart/2005/8/layout/cycle2"/>
    <dgm:cxn modelId="{84DECF76-B8EE-4EA9-9801-018BCCA43CC4}" srcId="{B118A677-901D-4501-89DF-79ABF8D3935B}" destId="{4F982BC8-1B5C-4792-B676-185BAA7B19E4}" srcOrd="8" destOrd="0" parTransId="{7EC6E69F-4317-4A8B-8950-B5FC26C07631}" sibTransId="{B2F803B2-7362-44B8-B917-A82A9F5C7045}"/>
    <dgm:cxn modelId="{1F59615A-DCAC-4ED0-8C5D-E885251127A2}" srcId="{B118A677-901D-4501-89DF-79ABF8D3935B}" destId="{6C64FDEA-0C82-4D3D-923A-F1470E2AAD2B}" srcOrd="0" destOrd="0" parTransId="{EFF114DD-9689-40CF-A8DA-C184CA4EEB7B}" sibTransId="{118B9D56-ED67-4BB8-B18D-3922DD6B883F}"/>
    <dgm:cxn modelId="{7A3DA681-181A-40C3-AA5B-E3F3F41FDDFD}" type="presOf" srcId="{321A4854-A173-48F2-8DD7-DEC3BD2E87F7}" destId="{4AE07AC6-7BCC-4259-9258-302018F09847}" srcOrd="1" destOrd="0" presId="urn:microsoft.com/office/officeart/2005/8/layout/cycle2"/>
    <dgm:cxn modelId="{6F07F2A5-2F9D-4110-B308-68F50E1C73C7}" srcId="{B118A677-901D-4501-89DF-79ABF8D3935B}" destId="{3B03D8DA-7765-4D4F-8302-CF83DA1FC68E}" srcOrd="5" destOrd="0" parTransId="{98208D4D-026D-4E14-8CEE-00296E217E49}" sibTransId="{712CB416-C9B9-4720-BB84-1D45B548642D}"/>
    <dgm:cxn modelId="{3AED8DA9-078B-4372-A2CB-7CAC0CA5AB1F}" type="presOf" srcId="{1B4C8C19-5181-4108-89BC-F55BA174E360}" destId="{C5FBF30B-7429-4704-90D2-4454965FD314}" srcOrd="0" destOrd="0" presId="urn:microsoft.com/office/officeart/2005/8/layout/cycle2"/>
    <dgm:cxn modelId="{5A3AD7AF-0A7D-496E-9876-F2E23913FA1F}" type="presOf" srcId="{A59AA7F0-56E4-41B2-8EEA-61E33CC5C7E6}" destId="{3A8E9418-1B85-41DA-A8B4-76F2AEC9B2DE}" srcOrd="0" destOrd="0" presId="urn:microsoft.com/office/officeart/2005/8/layout/cycle2"/>
    <dgm:cxn modelId="{291A37B3-FF18-4FFD-9108-C25B4F6E54CE}" type="presOf" srcId="{129C7060-BCCD-44D2-BD51-8DD3DAAAC67F}" destId="{04EF35E1-6994-4CD2-A609-A995D5D54997}" srcOrd="0" destOrd="0" presId="urn:microsoft.com/office/officeart/2005/8/layout/cycle2"/>
    <dgm:cxn modelId="{32D873B6-EAD1-427D-BDBB-350F5F289ADA}" srcId="{B118A677-901D-4501-89DF-79ABF8D3935B}" destId="{1B4C8C19-5181-4108-89BC-F55BA174E360}" srcOrd="4" destOrd="0" parTransId="{057A7C1C-8F71-4437-AFC7-4B9AEAEF129F}" sibTransId="{54BEF38F-23C0-4EB4-9DA8-9662545D0F9D}"/>
    <dgm:cxn modelId="{6D4A5CB7-D4D2-450A-8D68-7CD4101D8A50}" type="presOf" srcId="{118B9D56-ED67-4BB8-B18D-3922DD6B883F}" destId="{B57CADB5-1B31-4D16-A024-FBA616362696}" srcOrd="1" destOrd="0" presId="urn:microsoft.com/office/officeart/2005/8/layout/cycle2"/>
    <dgm:cxn modelId="{A6A5F3BA-CE05-40F8-93C8-D1B903BB6609}" type="presOf" srcId="{712CB416-C9B9-4720-BB84-1D45B548642D}" destId="{9591738F-221A-46C9-9612-3024E355C661}" srcOrd="1" destOrd="0" presId="urn:microsoft.com/office/officeart/2005/8/layout/cycle2"/>
    <dgm:cxn modelId="{0F4393BD-32AF-4665-8848-D02398DF0343}" type="presOf" srcId="{B9A85ABC-BBC6-46A8-8A84-DAAF96A6B413}" destId="{3D28F87A-A54F-4F9E-93D0-051E140E9CB8}" srcOrd="0" destOrd="0" presId="urn:microsoft.com/office/officeart/2005/8/layout/cycle2"/>
    <dgm:cxn modelId="{3305ABC0-6429-4D57-8598-6CECAD1B8F82}" srcId="{B118A677-901D-4501-89DF-79ABF8D3935B}" destId="{5381A8B2-3354-4396-AE64-57DAC151BCA1}" srcOrd="9" destOrd="0" parTransId="{DBDA36F8-8932-4578-8E89-1E7DE41B00A1}" sibTransId="{321A4854-A173-48F2-8DD7-DEC3BD2E87F7}"/>
    <dgm:cxn modelId="{8D38A6C4-27F8-4E48-8580-A2E23792858B}" type="presOf" srcId="{4F982BC8-1B5C-4792-B676-185BAA7B19E4}" destId="{CDB41F4F-688C-4490-B89A-F947556A62B7}" srcOrd="0" destOrd="0" presId="urn:microsoft.com/office/officeart/2005/8/layout/cycle2"/>
    <dgm:cxn modelId="{31034EC5-5D5E-4D63-BEBF-8F1AB669D774}" srcId="{B118A677-901D-4501-89DF-79ABF8D3935B}" destId="{40F7633A-E389-4232-A561-7C62CB33DF57}" srcOrd="7" destOrd="0" parTransId="{C28C3D76-7443-46B7-9F76-B461EB67C9D5}" sibTransId="{C57DFDF2-89C6-4115-8F49-F85E2EA27E14}"/>
    <dgm:cxn modelId="{FEBC28CE-E559-420D-9D17-867919B3DA3C}" type="presOf" srcId="{5381A8B2-3354-4396-AE64-57DAC151BCA1}" destId="{34E71618-BC08-4DDB-8255-A70153FCCC66}" srcOrd="0" destOrd="0" presId="urn:microsoft.com/office/officeart/2005/8/layout/cycle2"/>
    <dgm:cxn modelId="{237A6BD5-8EF8-4915-8706-6B6ADDEDE03B}" type="presOf" srcId="{321A4854-A173-48F2-8DD7-DEC3BD2E87F7}" destId="{837037DB-FD11-48C1-8969-B6A62613B709}" srcOrd="0" destOrd="0" presId="urn:microsoft.com/office/officeart/2005/8/layout/cycle2"/>
    <dgm:cxn modelId="{FA3C71E5-6EC9-463D-AB4E-D7172DC60803}" type="presOf" srcId="{B2F803B2-7362-44B8-B917-A82A9F5C7045}" destId="{D1598D26-F537-4878-977E-1292BAB1AC8C}" srcOrd="1" destOrd="0" presId="urn:microsoft.com/office/officeart/2005/8/layout/cycle2"/>
    <dgm:cxn modelId="{F79CB3E6-DA0A-44E1-B237-4FE9C1C8BD11}" srcId="{B118A677-901D-4501-89DF-79ABF8D3935B}" destId="{129C7060-BCCD-44D2-BD51-8DD3DAAAC67F}" srcOrd="1" destOrd="0" parTransId="{55480C4E-5164-437F-B1AE-FB95A0B1A8F2}" sibTransId="{57042113-06A4-4B2F-A0EF-75FBD645B6F0}"/>
    <dgm:cxn modelId="{FE74D2E8-61D4-4C4F-8B60-27BDBA2DFCA4}" type="presOf" srcId="{3C63CF14-15E0-4A52-978C-E2775CF2F6D6}" destId="{35D7121D-85F0-4E7F-8752-D7A676C355D2}" srcOrd="0" destOrd="0" presId="urn:microsoft.com/office/officeart/2005/8/layout/cycle2"/>
    <dgm:cxn modelId="{B4DD49EF-E2BD-4A49-A804-AD7B18127F91}" type="presOf" srcId="{A59AA7F0-56E4-41B2-8EEA-61E33CC5C7E6}" destId="{5A3D895A-10C8-458C-9A06-08B816232134}" srcOrd="1" destOrd="0" presId="urn:microsoft.com/office/officeart/2005/8/layout/cycle2"/>
    <dgm:cxn modelId="{C65E01F0-2324-4829-8660-4FF6E71A7776}" srcId="{B118A677-901D-4501-89DF-79ABF8D3935B}" destId="{B9A85ABC-BBC6-46A8-8A84-DAAF96A6B413}" srcOrd="2" destOrd="0" parTransId="{0297952C-63E2-4E14-A356-02FC186317FC}" sibTransId="{241DB423-7F03-4333-9915-C66C510039B0}"/>
    <dgm:cxn modelId="{91DC0FF3-110F-436D-A109-EA85EB588E98}" srcId="{B118A677-901D-4501-89DF-79ABF8D3935B}" destId="{C410CF56-CB2E-43DC-8718-2B18E6D79976}" srcOrd="3" destOrd="0" parTransId="{190972F5-28D8-411D-8015-9EE8551338ED}" sibTransId="{3DF8F1EB-5EFB-49B9-8F74-94F5F87720E8}"/>
    <dgm:cxn modelId="{B52451FF-4DC3-4D0F-A3ED-F5A79F66F50E}" type="presOf" srcId="{B2F803B2-7362-44B8-B917-A82A9F5C7045}" destId="{EFB7B187-C31B-40AD-BE1E-5BA7F7DB24E7}" srcOrd="0" destOrd="0" presId="urn:microsoft.com/office/officeart/2005/8/layout/cycle2"/>
    <dgm:cxn modelId="{8D081AEF-C443-4F2B-A3BE-DCD2C2C83DCE}" type="presParOf" srcId="{C75CA068-B8FA-4E41-AF5E-5E9C35B970CF}" destId="{82208B9D-5B84-4A53-8BD1-061C482929AE}" srcOrd="0" destOrd="0" presId="urn:microsoft.com/office/officeart/2005/8/layout/cycle2"/>
    <dgm:cxn modelId="{1BC1A167-5E62-459F-8DBB-55EADF82A18C}" type="presParOf" srcId="{C75CA068-B8FA-4E41-AF5E-5E9C35B970CF}" destId="{E8FAE9D3-1392-4DA1-84B6-4CCB220C3BB8}" srcOrd="1" destOrd="0" presId="urn:microsoft.com/office/officeart/2005/8/layout/cycle2"/>
    <dgm:cxn modelId="{4A58E40A-77DF-47D8-A1DD-557D58F5CB02}" type="presParOf" srcId="{E8FAE9D3-1392-4DA1-84B6-4CCB220C3BB8}" destId="{B57CADB5-1B31-4D16-A024-FBA616362696}" srcOrd="0" destOrd="0" presId="urn:microsoft.com/office/officeart/2005/8/layout/cycle2"/>
    <dgm:cxn modelId="{F828F5CF-B155-48B3-B40B-58997E28D111}" type="presParOf" srcId="{C75CA068-B8FA-4E41-AF5E-5E9C35B970CF}" destId="{04EF35E1-6994-4CD2-A609-A995D5D54997}" srcOrd="2" destOrd="0" presId="urn:microsoft.com/office/officeart/2005/8/layout/cycle2"/>
    <dgm:cxn modelId="{7AD56003-7FED-481B-A208-1C713AF21D94}" type="presParOf" srcId="{C75CA068-B8FA-4E41-AF5E-5E9C35B970CF}" destId="{62117C00-F47F-45BD-A88D-EC573CA4A872}" srcOrd="3" destOrd="0" presId="urn:microsoft.com/office/officeart/2005/8/layout/cycle2"/>
    <dgm:cxn modelId="{A94FA754-37F2-44DB-BABB-FB7B9F8FBAA8}" type="presParOf" srcId="{62117C00-F47F-45BD-A88D-EC573CA4A872}" destId="{F0077A6B-A770-40D3-AE30-9ED6FABBBC74}" srcOrd="0" destOrd="0" presId="urn:microsoft.com/office/officeart/2005/8/layout/cycle2"/>
    <dgm:cxn modelId="{FDB860C3-DADB-4305-AB62-6A3BE6A9AC11}" type="presParOf" srcId="{C75CA068-B8FA-4E41-AF5E-5E9C35B970CF}" destId="{3D28F87A-A54F-4F9E-93D0-051E140E9CB8}" srcOrd="4" destOrd="0" presId="urn:microsoft.com/office/officeart/2005/8/layout/cycle2"/>
    <dgm:cxn modelId="{94DE3202-2104-4713-A3A8-8592083EC695}" type="presParOf" srcId="{C75CA068-B8FA-4E41-AF5E-5E9C35B970CF}" destId="{222EE20C-312F-49E9-A1FD-0D95FA7C24E1}" srcOrd="5" destOrd="0" presId="urn:microsoft.com/office/officeart/2005/8/layout/cycle2"/>
    <dgm:cxn modelId="{7CD3866B-E6A8-4B1A-AE9E-623A83E9936A}" type="presParOf" srcId="{222EE20C-312F-49E9-A1FD-0D95FA7C24E1}" destId="{DDAA37DD-516F-48B4-9C36-1122FAAD53FD}" srcOrd="0" destOrd="0" presId="urn:microsoft.com/office/officeart/2005/8/layout/cycle2"/>
    <dgm:cxn modelId="{2E13FDA4-91BE-4BC0-B542-E4B9F27B6F6D}" type="presParOf" srcId="{C75CA068-B8FA-4E41-AF5E-5E9C35B970CF}" destId="{9E72C8EC-FC87-45A1-81BD-5C62AFED15E0}" srcOrd="6" destOrd="0" presId="urn:microsoft.com/office/officeart/2005/8/layout/cycle2"/>
    <dgm:cxn modelId="{FF664032-3501-441B-A980-B680C019890B}" type="presParOf" srcId="{C75CA068-B8FA-4E41-AF5E-5E9C35B970CF}" destId="{4172FDB8-FD75-44E6-B636-F169466EA6F2}" srcOrd="7" destOrd="0" presId="urn:microsoft.com/office/officeart/2005/8/layout/cycle2"/>
    <dgm:cxn modelId="{F8B48CBC-D701-4B6F-B136-C2AD926A5D92}" type="presParOf" srcId="{4172FDB8-FD75-44E6-B636-F169466EA6F2}" destId="{17467B67-A001-4B8A-B8DA-78DC25A04957}" srcOrd="0" destOrd="0" presId="urn:microsoft.com/office/officeart/2005/8/layout/cycle2"/>
    <dgm:cxn modelId="{AFDB771F-83A1-4F4E-94AE-26FE8B54590B}" type="presParOf" srcId="{C75CA068-B8FA-4E41-AF5E-5E9C35B970CF}" destId="{C5FBF30B-7429-4704-90D2-4454965FD314}" srcOrd="8" destOrd="0" presId="urn:microsoft.com/office/officeart/2005/8/layout/cycle2"/>
    <dgm:cxn modelId="{DDF3DEFE-C044-4BC5-B9A8-DBB0DFE2092B}" type="presParOf" srcId="{C75CA068-B8FA-4E41-AF5E-5E9C35B970CF}" destId="{9BDCB39E-9B45-4116-ADAB-0FEE6C6B1C4B}" srcOrd="9" destOrd="0" presId="urn:microsoft.com/office/officeart/2005/8/layout/cycle2"/>
    <dgm:cxn modelId="{C4EB160D-46A1-4B4D-AA4C-9F77206057B3}" type="presParOf" srcId="{9BDCB39E-9B45-4116-ADAB-0FEE6C6B1C4B}" destId="{D128A369-76A0-4D4D-835F-808E2E70F7D2}" srcOrd="0" destOrd="0" presId="urn:microsoft.com/office/officeart/2005/8/layout/cycle2"/>
    <dgm:cxn modelId="{4BA6910B-0A98-4E6B-B908-A70E2B962093}" type="presParOf" srcId="{C75CA068-B8FA-4E41-AF5E-5E9C35B970CF}" destId="{72DBBB8A-A9D2-4A5B-A5A3-76FDD3B65AE9}" srcOrd="10" destOrd="0" presId="urn:microsoft.com/office/officeart/2005/8/layout/cycle2"/>
    <dgm:cxn modelId="{A1E02D38-E229-4F55-98A7-06C1F61C4200}" type="presParOf" srcId="{C75CA068-B8FA-4E41-AF5E-5E9C35B970CF}" destId="{5C8BDD24-6C65-47C3-86C6-768CD8448650}" srcOrd="11" destOrd="0" presId="urn:microsoft.com/office/officeart/2005/8/layout/cycle2"/>
    <dgm:cxn modelId="{FA75B905-9B4D-4E45-8A27-772B86CF68B2}" type="presParOf" srcId="{5C8BDD24-6C65-47C3-86C6-768CD8448650}" destId="{9591738F-221A-46C9-9612-3024E355C661}" srcOrd="0" destOrd="0" presId="urn:microsoft.com/office/officeart/2005/8/layout/cycle2"/>
    <dgm:cxn modelId="{ECA79A72-C194-4C52-BDAD-B95471163FDD}" type="presParOf" srcId="{C75CA068-B8FA-4E41-AF5E-5E9C35B970CF}" destId="{35D7121D-85F0-4E7F-8752-D7A676C355D2}" srcOrd="12" destOrd="0" presId="urn:microsoft.com/office/officeart/2005/8/layout/cycle2"/>
    <dgm:cxn modelId="{B57F1AC5-6C2B-4A95-9858-8D7F0780ADB3}" type="presParOf" srcId="{C75CA068-B8FA-4E41-AF5E-5E9C35B970CF}" destId="{3A8E9418-1B85-41DA-A8B4-76F2AEC9B2DE}" srcOrd="13" destOrd="0" presId="urn:microsoft.com/office/officeart/2005/8/layout/cycle2"/>
    <dgm:cxn modelId="{1025F85C-3C48-4AA4-B742-8FBFF1DB4C84}" type="presParOf" srcId="{3A8E9418-1B85-41DA-A8B4-76F2AEC9B2DE}" destId="{5A3D895A-10C8-458C-9A06-08B816232134}" srcOrd="0" destOrd="0" presId="urn:microsoft.com/office/officeart/2005/8/layout/cycle2"/>
    <dgm:cxn modelId="{39DB532B-4F29-41E2-A709-697B4F966F87}" type="presParOf" srcId="{C75CA068-B8FA-4E41-AF5E-5E9C35B970CF}" destId="{1A417AE2-7DCE-4A5B-AA84-E44756AEBA25}" srcOrd="14" destOrd="0" presId="urn:microsoft.com/office/officeart/2005/8/layout/cycle2"/>
    <dgm:cxn modelId="{3F10AFBA-5A45-401B-860B-00881AD831D1}" type="presParOf" srcId="{C75CA068-B8FA-4E41-AF5E-5E9C35B970CF}" destId="{7DA4E6F5-5F82-4992-89FB-9A13017CE0DB}" srcOrd="15" destOrd="0" presId="urn:microsoft.com/office/officeart/2005/8/layout/cycle2"/>
    <dgm:cxn modelId="{2AB126A4-4BCB-477A-B91F-DA65ADD765DD}" type="presParOf" srcId="{7DA4E6F5-5F82-4992-89FB-9A13017CE0DB}" destId="{627745EE-3BBA-4490-8B73-15AA4EE90DE8}" srcOrd="0" destOrd="0" presId="urn:microsoft.com/office/officeart/2005/8/layout/cycle2"/>
    <dgm:cxn modelId="{5D3907F2-1F91-44D7-9550-2348D8B32F65}" type="presParOf" srcId="{C75CA068-B8FA-4E41-AF5E-5E9C35B970CF}" destId="{CDB41F4F-688C-4490-B89A-F947556A62B7}" srcOrd="16" destOrd="0" presId="urn:microsoft.com/office/officeart/2005/8/layout/cycle2"/>
    <dgm:cxn modelId="{A88536CB-FDB0-42E7-BCB5-6BFC1D745E22}" type="presParOf" srcId="{C75CA068-B8FA-4E41-AF5E-5E9C35B970CF}" destId="{EFB7B187-C31B-40AD-BE1E-5BA7F7DB24E7}" srcOrd="17" destOrd="0" presId="urn:microsoft.com/office/officeart/2005/8/layout/cycle2"/>
    <dgm:cxn modelId="{B837ACAC-24CF-43A7-884B-FCA928A46498}" type="presParOf" srcId="{EFB7B187-C31B-40AD-BE1E-5BA7F7DB24E7}" destId="{D1598D26-F537-4878-977E-1292BAB1AC8C}" srcOrd="0" destOrd="0" presId="urn:microsoft.com/office/officeart/2005/8/layout/cycle2"/>
    <dgm:cxn modelId="{EEC3011F-3FE4-41E6-B627-069E851C0B52}" type="presParOf" srcId="{C75CA068-B8FA-4E41-AF5E-5E9C35B970CF}" destId="{34E71618-BC08-4DDB-8255-A70153FCCC66}" srcOrd="18" destOrd="0" presId="urn:microsoft.com/office/officeart/2005/8/layout/cycle2"/>
    <dgm:cxn modelId="{ABB5EA70-E4A6-4B61-AF79-63EAD5406AAB}" type="presParOf" srcId="{C75CA068-B8FA-4E41-AF5E-5E9C35B970CF}" destId="{837037DB-FD11-48C1-8969-B6A62613B709}" srcOrd="19" destOrd="0" presId="urn:microsoft.com/office/officeart/2005/8/layout/cycle2"/>
    <dgm:cxn modelId="{DF62338A-7A9B-49A3-8DF4-DE72671CE66D}" type="presParOf" srcId="{837037DB-FD11-48C1-8969-B6A62613B709}" destId="{4AE07AC6-7BCC-4259-9258-302018F09847}" srcOrd="0" destOrd="0" presId="urn:microsoft.com/office/officeart/2005/8/layout/cycle2"/>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9567D971-7207-40DE-8CE4-A0A20534CBD0}" type="doc">
      <dgm:prSet loTypeId="urn:microsoft.com/office/officeart/2005/8/layout/hierarchy5" loCatId="hierarchy" qsTypeId="urn:microsoft.com/office/officeart/2005/8/quickstyle/simple1" qsCatId="simple" csTypeId="urn:microsoft.com/office/officeart/2005/8/colors/accent1_2" csCatId="accent1" phldr="1"/>
      <dgm:spPr/>
      <dgm:t>
        <a:bodyPr/>
        <a:lstStyle/>
        <a:p>
          <a:endParaRPr lang="en-US"/>
        </a:p>
      </dgm:t>
    </dgm:pt>
    <dgm:pt modelId="{3AD524C8-6450-4EDB-A668-14276E2D1A94}">
      <dgm:prSet phldrT="[Text]" custT="1"/>
      <dgm:spPr/>
      <dgm:t>
        <a:bodyPr/>
        <a:lstStyle/>
        <a:p>
          <a:r>
            <a:rPr lang="en-US" sz="1400" b="1" dirty="0">
              <a:ln>
                <a:noFill/>
              </a:ln>
              <a:solidFill>
                <a:sysClr val="windowText" lastClr="000000"/>
              </a:solidFill>
            </a:rPr>
            <a:t>Functional &amp; Useful M&amp;E System</a:t>
          </a:r>
          <a:endParaRPr lang="en-US" sz="1400" dirty="0">
            <a:ln>
              <a:noFill/>
            </a:ln>
            <a:solidFill>
              <a:sysClr val="windowText" lastClr="000000"/>
            </a:solidFill>
          </a:endParaRPr>
        </a:p>
      </dgm:t>
    </dgm:pt>
    <dgm:pt modelId="{9FE45587-6D36-448F-BC1F-4500CBC0A054}" type="parTrans" cxnId="{3BAE5F3C-EF71-4562-AF71-EC9258A4356A}">
      <dgm:prSet/>
      <dgm:spPr/>
      <dgm:t>
        <a:bodyPr/>
        <a:lstStyle/>
        <a:p>
          <a:endParaRPr lang="en-US" sz="1400">
            <a:ln>
              <a:noFill/>
            </a:ln>
            <a:solidFill>
              <a:sysClr val="windowText" lastClr="000000"/>
            </a:solidFill>
          </a:endParaRPr>
        </a:p>
      </dgm:t>
    </dgm:pt>
    <dgm:pt modelId="{24F4F9FD-15D5-4E2F-B5DA-63B50B1F0DD1}" type="sibTrans" cxnId="{3BAE5F3C-EF71-4562-AF71-EC9258A4356A}">
      <dgm:prSet/>
      <dgm:spPr/>
      <dgm:t>
        <a:bodyPr/>
        <a:lstStyle/>
        <a:p>
          <a:endParaRPr lang="en-US" sz="1400">
            <a:ln>
              <a:noFill/>
            </a:ln>
            <a:solidFill>
              <a:sysClr val="windowText" lastClr="000000"/>
            </a:solidFill>
          </a:endParaRPr>
        </a:p>
      </dgm:t>
    </dgm:pt>
    <dgm:pt modelId="{A30E6A28-DBD8-435F-BF5E-F3B604A5F5A3}">
      <dgm:prSet phldrT="[Text]" custT="1"/>
      <dgm:spPr>
        <a:solidFill>
          <a:schemeClr val="accent2"/>
        </a:solidFill>
      </dgm:spPr>
      <dgm:t>
        <a:bodyPr/>
        <a:lstStyle/>
        <a:p>
          <a:r>
            <a:rPr lang="en-US" sz="1400" dirty="0">
              <a:ln>
                <a:noFill/>
              </a:ln>
              <a:solidFill>
                <a:sysClr val="windowText" lastClr="000000"/>
              </a:solidFill>
            </a:rPr>
            <a:t>1. Data Demand</a:t>
          </a:r>
        </a:p>
      </dgm:t>
    </dgm:pt>
    <dgm:pt modelId="{13EBBFC6-55A6-4FEF-BF00-2533489F5D0C}" type="parTrans" cxnId="{8BE806D8-309D-48B6-ACD8-C460F12FA534}">
      <dgm:prSet/>
      <dgm:spPr/>
      <dgm:t>
        <a:bodyPr/>
        <a:lstStyle/>
        <a:p>
          <a:endParaRPr lang="en-US" sz="1400">
            <a:ln>
              <a:noFill/>
            </a:ln>
            <a:solidFill>
              <a:sysClr val="windowText" lastClr="000000"/>
            </a:solidFill>
          </a:endParaRPr>
        </a:p>
      </dgm:t>
    </dgm:pt>
    <dgm:pt modelId="{15F5780F-C5A7-4B9F-A844-F79BC227DECD}" type="sibTrans" cxnId="{8BE806D8-309D-48B6-ACD8-C460F12FA534}">
      <dgm:prSet/>
      <dgm:spPr/>
      <dgm:t>
        <a:bodyPr/>
        <a:lstStyle/>
        <a:p>
          <a:endParaRPr lang="en-US" sz="1400">
            <a:ln>
              <a:noFill/>
            </a:ln>
            <a:solidFill>
              <a:sysClr val="windowText" lastClr="000000"/>
            </a:solidFill>
          </a:endParaRPr>
        </a:p>
      </dgm:t>
    </dgm:pt>
    <dgm:pt modelId="{26AD6EC9-93F9-4AD9-A99A-6BC261C6A722}">
      <dgm:prSet phldrT="[Text]" custT="1"/>
      <dgm:spPr/>
      <dgm:t>
        <a:bodyPr/>
        <a:lstStyle/>
        <a:p>
          <a:pPr algn="ctr"/>
          <a:r>
            <a:rPr lang="en-US" sz="1400" b="1" dirty="0">
              <a:ln>
                <a:noFill/>
              </a:ln>
              <a:solidFill>
                <a:sysClr val="windowText" lastClr="000000"/>
              </a:solidFill>
            </a:rPr>
            <a:t>Objective: </a:t>
          </a:r>
          <a:endParaRPr lang="en-US" sz="1400" dirty="0">
            <a:ln>
              <a:noFill/>
            </a:ln>
            <a:solidFill>
              <a:sysClr val="windowText" lastClr="000000"/>
            </a:solidFill>
          </a:endParaRPr>
        </a:p>
      </dgm:t>
    </dgm:pt>
    <dgm:pt modelId="{0B985CA1-1A72-40BA-A55D-6DDADD7BF185}" type="parTrans" cxnId="{A50D5500-60E7-4741-9525-1F4E789A0791}">
      <dgm:prSet/>
      <dgm:spPr/>
      <dgm:t>
        <a:bodyPr/>
        <a:lstStyle/>
        <a:p>
          <a:endParaRPr lang="en-US" sz="1400">
            <a:ln>
              <a:noFill/>
            </a:ln>
            <a:solidFill>
              <a:sysClr val="windowText" lastClr="000000"/>
            </a:solidFill>
          </a:endParaRPr>
        </a:p>
      </dgm:t>
    </dgm:pt>
    <dgm:pt modelId="{510E31D6-3364-465F-A977-77BAABA85972}" type="sibTrans" cxnId="{A50D5500-60E7-4741-9525-1F4E789A0791}">
      <dgm:prSet/>
      <dgm:spPr/>
      <dgm:t>
        <a:bodyPr/>
        <a:lstStyle/>
        <a:p>
          <a:endParaRPr lang="en-US" sz="1400">
            <a:ln>
              <a:noFill/>
            </a:ln>
            <a:solidFill>
              <a:sysClr val="windowText" lastClr="000000"/>
            </a:solidFill>
          </a:endParaRPr>
        </a:p>
      </dgm:t>
    </dgm:pt>
    <dgm:pt modelId="{BF1956AC-682C-46D5-9A55-8676D57D0328}">
      <dgm:prSet phldrT="[Text]" custT="1"/>
      <dgm:spPr>
        <a:solidFill>
          <a:schemeClr val="accent2"/>
        </a:solidFill>
      </dgm:spPr>
      <dgm:t>
        <a:bodyPr/>
        <a:lstStyle/>
        <a:p>
          <a:pPr algn="ctr"/>
          <a:r>
            <a:rPr lang="en-US" sz="1400" dirty="0">
              <a:ln>
                <a:noFill/>
              </a:ln>
              <a:solidFill>
                <a:sysClr val="windowText" lastClr="000000"/>
              </a:solidFill>
            </a:rPr>
            <a:t>Outcomes:</a:t>
          </a:r>
        </a:p>
      </dgm:t>
    </dgm:pt>
    <dgm:pt modelId="{9C3079A6-69F9-4E41-A8C6-E179594383C5}" type="parTrans" cxnId="{24BD031B-A2D4-4373-82E2-AD14068B67A3}">
      <dgm:prSet/>
      <dgm:spPr/>
      <dgm:t>
        <a:bodyPr/>
        <a:lstStyle/>
        <a:p>
          <a:endParaRPr lang="en-US" sz="1400">
            <a:ln>
              <a:noFill/>
            </a:ln>
            <a:solidFill>
              <a:sysClr val="windowText" lastClr="000000"/>
            </a:solidFill>
          </a:endParaRPr>
        </a:p>
      </dgm:t>
    </dgm:pt>
    <dgm:pt modelId="{E2F6E39D-37CD-43F5-8497-DD17F9483526}" type="sibTrans" cxnId="{24BD031B-A2D4-4373-82E2-AD14068B67A3}">
      <dgm:prSet/>
      <dgm:spPr/>
      <dgm:t>
        <a:bodyPr/>
        <a:lstStyle/>
        <a:p>
          <a:endParaRPr lang="en-US" sz="1400">
            <a:ln>
              <a:noFill/>
            </a:ln>
            <a:solidFill>
              <a:sysClr val="windowText" lastClr="000000"/>
            </a:solidFill>
          </a:endParaRPr>
        </a:p>
      </dgm:t>
    </dgm:pt>
    <dgm:pt modelId="{3E2449B9-B1EA-4A56-921A-85B91721E4AE}">
      <dgm:prSet phldrT="[Text]" custT="1"/>
      <dgm:spPr>
        <a:solidFill>
          <a:schemeClr val="accent2"/>
        </a:solidFill>
      </dgm:spPr>
      <dgm:t>
        <a:bodyPr/>
        <a:lstStyle/>
        <a:p>
          <a:r>
            <a:rPr lang="en-US" sz="1400" dirty="0">
              <a:ln>
                <a:noFill/>
              </a:ln>
              <a:solidFill>
                <a:sysClr val="windowText" lastClr="000000"/>
              </a:solidFill>
            </a:rPr>
            <a:t>5. Administer M&amp;E Activities</a:t>
          </a:r>
        </a:p>
      </dgm:t>
    </dgm:pt>
    <dgm:pt modelId="{31BBFF02-81B5-4143-93BD-8B52410468DF}" type="parTrans" cxnId="{DB4DB783-2AF6-417E-A82E-7D16903347DE}">
      <dgm:prSet/>
      <dgm:spPr/>
      <dgm:t>
        <a:bodyPr/>
        <a:lstStyle/>
        <a:p>
          <a:endParaRPr lang="en-US" sz="1400">
            <a:ln>
              <a:noFill/>
            </a:ln>
            <a:solidFill>
              <a:sysClr val="windowText" lastClr="000000"/>
            </a:solidFill>
          </a:endParaRPr>
        </a:p>
      </dgm:t>
    </dgm:pt>
    <dgm:pt modelId="{79034042-E6E2-4FB6-A1DC-9F58F54D71A7}" type="sibTrans" cxnId="{DB4DB783-2AF6-417E-A82E-7D16903347DE}">
      <dgm:prSet/>
      <dgm:spPr/>
      <dgm:t>
        <a:bodyPr/>
        <a:lstStyle/>
        <a:p>
          <a:endParaRPr lang="en-US" sz="1400">
            <a:ln>
              <a:noFill/>
            </a:ln>
            <a:solidFill>
              <a:sysClr val="windowText" lastClr="000000"/>
            </a:solidFill>
          </a:endParaRPr>
        </a:p>
      </dgm:t>
    </dgm:pt>
    <dgm:pt modelId="{213E6ACA-5522-46BA-A2C9-6DD292D670D8}">
      <dgm:prSet phldrT="[Text]" custT="1"/>
      <dgm:spPr>
        <a:solidFill>
          <a:schemeClr val="accent2"/>
        </a:solidFill>
      </dgm:spPr>
      <dgm:t>
        <a:bodyPr/>
        <a:lstStyle/>
        <a:p>
          <a:r>
            <a:rPr lang="en-US" sz="1400" dirty="0">
              <a:ln>
                <a:noFill/>
              </a:ln>
              <a:solidFill>
                <a:sysClr val="windowText" lastClr="000000"/>
              </a:solidFill>
            </a:rPr>
            <a:t>2. Data Collection,  Processing, Management</a:t>
          </a:r>
        </a:p>
      </dgm:t>
    </dgm:pt>
    <dgm:pt modelId="{945A9356-2F5D-46EC-9E0F-01D28729E1B3}" type="parTrans" cxnId="{8364A520-5AB5-4334-94AD-2CD3ACEB27FC}">
      <dgm:prSet/>
      <dgm:spPr/>
      <dgm:t>
        <a:bodyPr/>
        <a:lstStyle/>
        <a:p>
          <a:endParaRPr lang="en-US" sz="1400">
            <a:ln>
              <a:noFill/>
            </a:ln>
            <a:solidFill>
              <a:sysClr val="windowText" lastClr="000000"/>
            </a:solidFill>
          </a:endParaRPr>
        </a:p>
      </dgm:t>
    </dgm:pt>
    <dgm:pt modelId="{9F7E137F-C539-48B6-BD7E-E595F8DC7B68}" type="sibTrans" cxnId="{8364A520-5AB5-4334-94AD-2CD3ACEB27FC}">
      <dgm:prSet/>
      <dgm:spPr/>
      <dgm:t>
        <a:bodyPr/>
        <a:lstStyle/>
        <a:p>
          <a:endParaRPr lang="en-US" sz="1400">
            <a:ln>
              <a:noFill/>
            </a:ln>
            <a:solidFill>
              <a:sysClr val="windowText" lastClr="000000"/>
            </a:solidFill>
          </a:endParaRPr>
        </a:p>
      </dgm:t>
    </dgm:pt>
    <dgm:pt modelId="{753BA08F-F460-4B7E-885D-3B9F5A196814}">
      <dgm:prSet phldrT="[Text]" custT="1"/>
      <dgm:spPr>
        <a:solidFill>
          <a:schemeClr val="accent2"/>
        </a:solidFill>
      </dgm:spPr>
      <dgm:t>
        <a:bodyPr/>
        <a:lstStyle/>
        <a:p>
          <a:r>
            <a:rPr lang="en-US" sz="1400" dirty="0">
              <a:ln>
                <a:noFill/>
              </a:ln>
              <a:solidFill>
                <a:sysClr val="windowText" lastClr="000000"/>
              </a:solidFill>
            </a:rPr>
            <a:t>3. Information Availability</a:t>
          </a:r>
        </a:p>
      </dgm:t>
    </dgm:pt>
    <dgm:pt modelId="{C2ED1EC0-8204-4B1C-8008-09C739D39E9B}" type="parTrans" cxnId="{3BC7099F-1890-4752-A29A-7ECE75F3ACC8}">
      <dgm:prSet/>
      <dgm:spPr/>
      <dgm:t>
        <a:bodyPr/>
        <a:lstStyle/>
        <a:p>
          <a:endParaRPr lang="en-US" sz="1400">
            <a:ln>
              <a:noFill/>
            </a:ln>
            <a:solidFill>
              <a:sysClr val="windowText" lastClr="000000"/>
            </a:solidFill>
          </a:endParaRPr>
        </a:p>
      </dgm:t>
    </dgm:pt>
    <dgm:pt modelId="{BAA2CE5A-6A03-4864-A81A-2C3D5ACC9328}" type="sibTrans" cxnId="{3BC7099F-1890-4752-A29A-7ECE75F3ACC8}">
      <dgm:prSet/>
      <dgm:spPr/>
      <dgm:t>
        <a:bodyPr/>
        <a:lstStyle/>
        <a:p>
          <a:endParaRPr lang="en-US" sz="1400">
            <a:ln>
              <a:noFill/>
            </a:ln>
            <a:solidFill>
              <a:sysClr val="windowText" lastClr="000000"/>
            </a:solidFill>
          </a:endParaRPr>
        </a:p>
      </dgm:t>
    </dgm:pt>
    <dgm:pt modelId="{37A3CFE0-3871-4809-AA5C-4476BF7EFF78}">
      <dgm:prSet phldrT="[Text]" custT="1"/>
      <dgm:spPr>
        <a:solidFill>
          <a:schemeClr val="accent2"/>
        </a:solidFill>
      </dgm:spPr>
      <dgm:t>
        <a:bodyPr/>
        <a:lstStyle/>
        <a:p>
          <a:r>
            <a:rPr lang="en-US" sz="1400" dirty="0">
              <a:ln>
                <a:noFill/>
              </a:ln>
              <a:solidFill>
                <a:sysClr val="windowText" lastClr="000000"/>
              </a:solidFill>
            </a:rPr>
            <a:t>4. Information Use</a:t>
          </a:r>
        </a:p>
      </dgm:t>
    </dgm:pt>
    <dgm:pt modelId="{0140C3A0-931E-40F5-A0C0-9DACC55A6970}" type="parTrans" cxnId="{6BD81881-1DA8-4D41-8883-BDA756A1D042}">
      <dgm:prSet/>
      <dgm:spPr/>
      <dgm:t>
        <a:bodyPr/>
        <a:lstStyle/>
        <a:p>
          <a:endParaRPr lang="en-US" sz="1400">
            <a:ln>
              <a:noFill/>
            </a:ln>
            <a:solidFill>
              <a:sysClr val="windowText" lastClr="000000"/>
            </a:solidFill>
          </a:endParaRPr>
        </a:p>
      </dgm:t>
    </dgm:pt>
    <dgm:pt modelId="{C6409F56-DC9E-4A7F-85B9-67A5D434ED27}" type="sibTrans" cxnId="{6BD81881-1DA8-4D41-8883-BDA756A1D042}">
      <dgm:prSet/>
      <dgm:spPr/>
      <dgm:t>
        <a:bodyPr/>
        <a:lstStyle/>
        <a:p>
          <a:endParaRPr lang="en-US" sz="1400">
            <a:ln>
              <a:noFill/>
            </a:ln>
            <a:solidFill>
              <a:sysClr val="windowText" lastClr="000000"/>
            </a:solidFill>
          </a:endParaRPr>
        </a:p>
      </dgm:t>
    </dgm:pt>
    <dgm:pt modelId="{07FAF2FE-ED7A-450D-89F1-C8EF3EE1138B}" type="pres">
      <dgm:prSet presAssocID="{9567D971-7207-40DE-8CE4-A0A20534CBD0}" presName="mainComposite" presStyleCnt="0">
        <dgm:presLayoutVars>
          <dgm:chPref val="1"/>
          <dgm:dir/>
          <dgm:animOne val="branch"/>
          <dgm:animLvl val="lvl"/>
          <dgm:resizeHandles val="exact"/>
        </dgm:presLayoutVars>
      </dgm:prSet>
      <dgm:spPr/>
    </dgm:pt>
    <dgm:pt modelId="{1E303FE0-D4B4-4FC4-9396-9A15DF859061}" type="pres">
      <dgm:prSet presAssocID="{9567D971-7207-40DE-8CE4-A0A20534CBD0}" presName="hierFlow" presStyleCnt="0"/>
      <dgm:spPr/>
    </dgm:pt>
    <dgm:pt modelId="{B3B5D74B-8BF5-4EEA-9CD9-32EAB6CB9246}" type="pres">
      <dgm:prSet presAssocID="{9567D971-7207-40DE-8CE4-A0A20534CBD0}" presName="firstBuf" presStyleCnt="0"/>
      <dgm:spPr/>
    </dgm:pt>
    <dgm:pt modelId="{3589CE01-BB58-476C-8B16-AFFF9F44D365}" type="pres">
      <dgm:prSet presAssocID="{9567D971-7207-40DE-8CE4-A0A20534CBD0}" presName="hierChild1" presStyleCnt="0">
        <dgm:presLayoutVars>
          <dgm:chPref val="1"/>
          <dgm:animOne val="branch"/>
          <dgm:animLvl val="lvl"/>
        </dgm:presLayoutVars>
      </dgm:prSet>
      <dgm:spPr/>
    </dgm:pt>
    <dgm:pt modelId="{3592CE8E-2C3C-4D28-89CC-60309474635E}" type="pres">
      <dgm:prSet presAssocID="{3AD524C8-6450-4EDB-A668-14276E2D1A94}" presName="Name17" presStyleCnt="0"/>
      <dgm:spPr/>
    </dgm:pt>
    <dgm:pt modelId="{A20A70B0-9FDE-4579-9A85-88B02A2E608A}" type="pres">
      <dgm:prSet presAssocID="{3AD524C8-6450-4EDB-A668-14276E2D1A94}" presName="level1Shape" presStyleLbl="node0" presStyleIdx="0" presStyleCnt="1" custScaleX="131335" custLinFactNeighborX="3126">
        <dgm:presLayoutVars>
          <dgm:chPref val="3"/>
        </dgm:presLayoutVars>
      </dgm:prSet>
      <dgm:spPr/>
    </dgm:pt>
    <dgm:pt modelId="{8ACAE010-BD59-415E-A463-68261AEA84A6}" type="pres">
      <dgm:prSet presAssocID="{3AD524C8-6450-4EDB-A668-14276E2D1A94}" presName="hierChild2" presStyleCnt="0"/>
      <dgm:spPr/>
    </dgm:pt>
    <dgm:pt modelId="{FF4E8691-E350-43B3-9083-FEECBB2340A4}" type="pres">
      <dgm:prSet presAssocID="{13EBBFC6-55A6-4FEF-BF00-2533489F5D0C}" presName="Name25" presStyleLbl="parChTrans1D2" presStyleIdx="0" presStyleCnt="5"/>
      <dgm:spPr/>
    </dgm:pt>
    <dgm:pt modelId="{E047DAAD-669D-4544-8258-7EBFEED32419}" type="pres">
      <dgm:prSet presAssocID="{13EBBFC6-55A6-4FEF-BF00-2533489F5D0C}" presName="connTx" presStyleLbl="parChTrans1D2" presStyleIdx="0" presStyleCnt="5"/>
      <dgm:spPr/>
    </dgm:pt>
    <dgm:pt modelId="{29A43BA3-2070-475E-B314-E2BACD5F8512}" type="pres">
      <dgm:prSet presAssocID="{A30E6A28-DBD8-435F-BF5E-F3B604A5F5A3}" presName="Name30" presStyleCnt="0"/>
      <dgm:spPr/>
    </dgm:pt>
    <dgm:pt modelId="{8B3DDF95-FC0E-4373-B5A0-B87C85C7A039}" type="pres">
      <dgm:prSet presAssocID="{A30E6A28-DBD8-435F-BF5E-F3B604A5F5A3}" presName="level2Shape" presStyleLbl="node2" presStyleIdx="0" presStyleCnt="5" custScaleX="131335" custLinFactNeighborX="9378"/>
      <dgm:spPr/>
    </dgm:pt>
    <dgm:pt modelId="{1ED90FE6-0C3E-4893-BA34-2DD562AD8000}" type="pres">
      <dgm:prSet presAssocID="{A30E6A28-DBD8-435F-BF5E-F3B604A5F5A3}" presName="hierChild3" presStyleCnt="0"/>
      <dgm:spPr/>
    </dgm:pt>
    <dgm:pt modelId="{7478AFD0-B581-4ADB-876A-5D930E53F2A1}" type="pres">
      <dgm:prSet presAssocID="{945A9356-2F5D-46EC-9E0F-01D28729E1B3}" presName="Name25" presStyleLbl="parChTrans1D2" presStyleIdx="1" presStyleCnt="5"/>
      <dgm:spPr/>
    </dgm:pt>
    <dgm:pt modelId="{14BE46D2-B976-497E-9A5C-8BE6D1CC0146}" type="pres">
      <dgm:prSet presAssocID="{945A9356-2F5D-46EC-9E0F-01D28729E1B3}" presName="connTx" presStyleLbl="parChTrans1D2" presStyleIdx="1" presStyleCnt="5"/>
      <dgm:spPr/>
    </dgm:pt>
    <dgm:pt modelId="{7BE0FD57-D59E-4130-B2B1-E629577C3B87}" type="pres">
      <dgm:prSet presAssocID="{213E6ACA-5522-46BA-A2C9-6DD292D670D8}" presName="Name30" presStyleCnt="0"/>
      <dgm:spPr/>
    </dgm:pt>
    <dgm:pt modelId="{743F437C-4266-4108-8546-DA92D068993A}" type="pres">
      <dgm:prSet presAssocID="{213E6ACA-5522-46BA-A2C9-6DD292D670D8}" presName="level2Shape" presStyleLbl="node2" presStyleIdx="1" presStyleCnt="5" custScaleX="131335" custLinFactNeighborX="9378"/>
      <dgm:spPr/>
    </dgm:pt>
    <dgm:pt modelId="{2A633BFB-2E57-4B3A-981F-DDB7132FDB08}" type="pres">
      <dgm:prSet presAssocID="{213E6ACA-5522-46BA-A2C9-6DD292D670D8}" presName="hierChild3" presStyleCnt="0"/>
      <dgm:spPr/>
    </dgm:pt>
    <dgm:pt modelId="{23A7F13A-1775-4D8F-844E-4C3A76CDAC5B}" type="pres">
      <dgm:prSet presAssocID="{C2ED1EC0-8204-4B1C-8008-09C739D39E9B}" presName="Name25" presStyleLbl="parChTrans1D2" presStyleIdx="2" presStyleCnt="5"/>
      <dgm:spPr/>
    </dgm:pt>
    <dgm:pt modelId="{32F1CA72-1234-4151-B804-B909B743C8F7}" type="pres">
      <dgm:prSet presAssocID="{C2ED1EC0-8204-4B1C-8008-09C739D39E9B}" presName="connTx" presStyleLbl="parChTrans1D2" presStyleIdx="2" presStyleCnt="5"/>
      <dgm:spPr/>
    </dgm:pt>
    <dgm:pt modelId="{19C2E477-4FFD-496C-8ADF-FCC3CC0A8BCF}" type="pres">
      <dgm:prSet presAssocID="{753BA08F-F460-4B7E-885D-3B9F5A196814}" presName="Name30" presStyleCnt="0"/>
      <dgm:spPr/>
    </dgm:pt>
    <dgm:pt modelId="{359DA775-31E6-4460-81E4-2ED2A585CC24}" type="pres">
      <dgm:prSet presAssocID="{753BA08F-F460-4B7E-885D-3B9F5A196814}" presName="level2Shape" presStyleLbl="node2" presStyleIdx="2" presStyleCnt="5" custScaleX="131335" custLinFactNeighborX="9378"/>
      <dgm:spPr/>
    </dgm:pt>
    <dgm:pt modelId="{3BF99A57-69DB-4D04-B931-E8BB100A835E}" type="pres">
      <dgm:prSet presAssocID="{753BA08F-F460-4B7E-885D-3B9F5A196814}" presName="hierChild3" presStyleCnt="0"/>
      <dgm:spPr/>
    </dgm:pt>
    <dgm:pt modelId="{B19B6641-C57C-4094-86BB-60F65D018E15}" type="pres">
      <dgm:prSet presAssocID="{0140C3A0-931E-40F5-A0C0-9DACC55A6970}" presName="Name25" presStyleLbl="parChTrans1D2" presStyleIdx="3" presStyleCnt="5"/>
      <dgm:spPr/>
    </dgm:pt>
    <dgm:pt modelId="{9DD577F2-D76C-48D5-A2F1-B66341076A47}" type="pres">
      <dgm:prSet presAssocID="{0140C3A0-931E-40F5-A0C0-9DACC55A6970}" presName="connTx" presStyleLbl="parChTrans1D2" presStyleIdx="3" presStyleCnt="5"/>
      <dgm:spPr/>
    </dgm:pt>
    <dgm:pt modelId="{1CDFB42F-2C5F-4D87-877B-112CC6C7C462}" type="pres">
      <dgm:prSet presAssocID="{37A3CFE0-3871-4809-AA5C-4476BF7EFF78}" presName="Name30" presStyleCnt="0"/>
      <dgm:spPr/>
    </dgm:pt>
    <dgm:pt modelId="{664546CA-B3A7-4293-B38E-E812B13A4847}" type="pres">
      <dgm:prSet presAssocID="{37A3CFE0-3871-4809-AA5C-4476BF7EFF78}" presName="level2Shape" presStyleLbl="node2" presStyleIdx="3" presStyleCnt="5" custScaleX="131335" custLinFactNeighborX="9378"/>
      <dgm:spPr/>
    </dgm:pt>
    <dgm:pt modelId="{7BBDE53F-E5BD-4DFF-9B89-8560D4D4D034}" type="pres">
      <dgm:prSet presAssocID="{37A3CFE0-3871-4809-AA5C-4476BF7EFF78}" presName="hierChild3" presStyleCnt="0"/>
      <dgm:spPr/>
    </dgm:pt>
    <dgm:pt modelId="{DBA7C561-2618-4FE5-90B6-A993EEB1077D}" type="pres">
      <dgm:prSet presAssocID="{31BBFF02-81B5-4143-93BD-8B52410468DF}" presName="Name25" presStyleLbl="parChTrans1D2" presStyleIdx="4" presStyleCnt="5"/>
      <dgm:spPr/>
    </dgm:pt>
    <dgm:pt modelId="{403BF905-4DD4-4817-BC84-F1291F009218}" type="pres">
      <dgm:prSet presAssocID="{31BBFF02-81B5-4143-93BD-8B52410468DF}" presName="connTx" presStyleLbl="parChTrans1D2" presStyleIdx="4" presStyleCnt="5"/>
      <dgm:spPr/>
    </dgm:pt>
    <dgm:pt modelId="{8AFD8C92-9E30-427B-BDD0-AF6327BA081D}" type="pres">
      <dgm:prSet presAssocID="{3E2449B9-B1EA-4A56-921A-85B91721E4AE}" presName="Name30" presStyleCnt="0"/>
      <dgm:spPr/>
    </dgm:pt>
    <dgm:pt modelId="{E15B6777-549E-4BDC-90CE-3F57DDBD6452}" type="pres">
      <dgm:prSet presAssocID="{3E2449B9-B1EA-4A56-921A-85B91721E4AE}" presName="level2Shape" presStyleLbl="node2" presStyleIdx="4" presStyleCnt="5" custScaleX="131335" custLinFactNeighborX="9378"/>
      <dgm:spPr/>
    </dgm:pt>
    <dgm:pt modelId="{7E113C1A-BC9F-4F83-9586-AE92B440BBB7}" type="pres">
      <dgm:prSet presAssocID="{3E2449B9-B1EA-4A56-921A-85B91721E4AE}" presName="hierChild3" presStyleCnt="0"/>
      <dgm:spPr/>
    </dgm:pt>
    <dgm:pt modelId="{F59B68D2-EFC1-4B68-AB8F-E5642A117B35}" type="pres">
      <dgm:prSet presAssocID="{9567D971-7207-40DE-8CE4-A0A20534CBD0}" presName="bgShapesFlow" presStyleCnt="0"/>
      <dgm:spPr/>
    </dgm:pt>
    <dgm:pt modelId="{FAD940DD-C7D9-4E7B-8203-3CBE7395EDAA}" type="pres">
      <dgm:prSet presAssocID="{26AD6EC9-93F9-4AD9-A99A-6BC261C6A722}" presName="rectComp" presStyleCnt="0"/>
      <dgm:spPr/>
    </dgm:pt>
    <dgm:pt modelId="{13418BFB-9BC6-43E7-B451-A2DFE3D84DD6}" type="pres">
      <dgm:prSet presAssocID="{26AD6EC9-93F9-4AD9-A99A-6BC261C6A722}" presName="bgRect" presStyleLbl="bgShp" presStyleIdx="0" presStyleCnt="2" custScaleX="131335"/>
      <dgm:spPr/>
    </dgm:pt>
    <dgm:pt modelId="{9C34A67C-ADD4-4FCD-8460-AB259779EFB8}" type="pres">
      <dgm:prSet presAssocID="{26AD6EC9-93F9-4AD9-A99A-6BC261C6A722}" presName="bgRectTx" presStyleLbl="bgShp" presStyleIdx="0" presStyleCnt="2">
        <dgm:presLayoutVars>
          <dgm:bulletEnabled val="1"/>
        </dgm:presLayoutVars>
      </dgm:prSet>
      <dgm:spPr/>
    </dgm:pt>
    <dgm:pt modelId="{8B27A0C3-40B6-4F3D-82F4-D885B0643BBE}" type="pres">
      <dgm:prSet presAssocID="{26AD6EC9-93F9-4AD9-A99A-6BC261C6A722}" presName="spComp" presStyleCnt="0"/>
      <dgm:spPr/>
    </dgm:pt>
    <dgm:pt modelId="{AC273CC2-AE1C-4871-A41F-00F2ED07D5C6}" type="pres">
      <dgm:prSet presAssocID="{26AD6EC9-93F9-4AD9-A99A-6BC261C6A722}" presName="hSp" presStyleCnt="0"/>
      <dgm:spPr/>
    </dgm:pt>
    <dgm:pt modelId="{4D3686F3-0D06-4F74-B2F2-F37BEF018B4C}" type="pres">
      <dgm:prSet presAssocID="{BF1956AC-682C-46D5-9A55-8676D57D0328}" presName="rectComp" presStyleCnt="0"/>
      <dgm:spPr/>
    </dgm:pt>
    <dgm:pt modelId="{22884A2A-8E53-4112-9DE3-DE230261DD52}" type="pres">
      <dgm:prSet presAssocID="{BF1956AC-682C-46D5-9A55-8676D57D0328}" presName="bgRect" presStyleLbl="bgShp" presStyleIdx="1" presStyleCnt="2" custScaleX="131335"/>
      <dgm:spPr/>
    </dgm:pt>
    <dgm:pt modelId="{2B00CA1F-B182-4729-B0E1-95782A2EFF6F}" type="pres">
      <dgm:prSet presAssocID="{BF1956AC-682C-46D5-9A55-8676D57D0328}" presName="bgRectTx" presStyleLbl="bgShp" presStyleIdx="1" presStyleCnt="2">
        <dgm:presLayoutVars>
          <dgm:bulletEnabled val="1"/>
        </dgm:presLayoutVars>
      </dgm:prSet>
      <dgm:spPr/>
    </dgm:pt>
  </dgm:ptLst>
  <dgm:cxnLst>
    <dgm:cxn modelId="{A50D5500-60E7-4741-9525-1F4E789A0791}" srcId="{9567D971-7207-40DE-8CE4-A0A20534CBD0}" destId="{26AD6EC9-93F9-4AD9-A99A-6BC261C6A722}" srcOrd="1" destOrd="0" parTransId="{0B985CA1-1A72-40BA-A55D-6DDADD7BF185}" sibTransId="{510E31D6-3364-465F-A977-77BAABA85972}"/>
    <dgm:cxn modelId="{54E88702-4990-443C-B34A-8018B2342421}" type="presOf" srcId="{C2ED1EC0-8204-4B1C-8008-09C739D39E9B}" destId="{23A7F13A-1775-4D8F-844E-4C3A76CDAC5B}" srcOrd="0" destOrd="0" presId="urn:microsoft.com/office/officeart/2005/8/layout/hierarchy5"/>
    <dgm:cxn modelId="{2EF6860E-107B-4ECF-9DEF-ACDC56231FF4}" type="presOf" srcId="{13EBBFC6-55A6-4FEF-BF00-2533489F5D0C}" destId="{E047DAAD-669D-4544-8258-7EBFEED32419}" srcOrd="1" destOrd="0" presId="urn:microsoft.com/office/officeart/2005/8/layout/hierarchy5"/>
    <dgm:cxn modelId="{59A32112-C381-4A88-BD9A-0ECFB069EC63}" type="presOf" srcId="{213E6ACA-5522-46BA-A2C9-6DD292D670D8}" destId="{743F437C-4266-4108-8546-DA92D068993A}" srcOrd="0" destOrd="0" presId="urn:microsoft.com/office/officeart/2005/8/layout/hierarchy5"/>
    <dgm:cxn modelId="{2011C219-2BA4-4B81-85D8-55AC628522E9}" type="presOf" srcId="{26AD6EC9-93F9-4AD9-A99A-6BC261C6A722}" destId="{9C34A67C-ADD4-4FCD-8460-AB259779EFB8}" srcOrd="1" destOrd="0" presId="urn:microsoft.com/office/officeart/2005/8/layout/hierarchy5"/>
    <dgm:cxn modelId="{24BD031B-A2D4-4373-82E2-AD14068B67A3}" srcId="{9567D971-7207-40DE-8CE4-A0A20534CBD0}" destId="{BF1956AC-682C-46D5-9A55-8676D57D0328}" srcOrd="2" destOrd="0" parTransId="{9C3079A6-69F9-4E41-A8C6-E179594383C5}" sibTransId="{E2F6E39D-37CD-43F5-8497-DD17F9483526}"/>
    <dgm:cxn modelId="{8364A520-5AB5-4334-94AD-2CD3ACEB27FC}" srcId="{3AD524C8-6450-4EDB-A668-14276E2D1A94}" destId="{213E6ACA-5522-46BA-A2C9-6DD292D670D8}" srcOrd="1" destOrd="0" parTransId="{945A9356-2F5D-46EC-9E0F-01D28729E1B3}" sibTransId="{9F7E137F-C539-48B6-BD7E-E595F8DC7B68}"/>
    <dgm:cxn modelId="{3BAE5F3C-EF71-4562-AF71-EC9258A4356A}" srcId="{9567D971-7207-40DE-8CE4-A0A20534CBD0}" destId="{3AD524C8-6450-4EDB-A668-14276E2D1A94}" srcOrd="0" destOrd="0" parTransId="{9FE45587-6D36-448F-BC1F-4500CBC0A054}" sibTransId="{24F4F9FD-15D5-4E2F-B5DA-63B50B1F0DD1}"/>
    <dgm:cxn modelId="{189CEF61-3E44-4EDC-BE6B-E6876F9D3F9C}" type="presOf" srcId="{C2ED1EC0-8204-4B1C-8008-09C739D39E9B}" destId="{32F1CA72-1234-4151-B804-B909B743C8F7}" srcOrd="1" destOrd="0" presId="urn:microsoft.com/office/officeart/2005/8/layout/hierarchy5"/>
    <dgm:cxn modelId="{D39AE667-3971-4274-A745-85F333ED7488}" type="presOf" srcId="{753BA08F-F460-4B7E-885D-3B9F5A196814}" destId="{359DA775-31E6-4460-81E4-2ED2A585CC24}" srcOrd="0" destOrd="0" presId="urn:microsoft.com/office/officeart/2005/8/layout/hierarchy5"/>
    <dgm:cxn modelId="{375DC06D-A66E-4E5F-8652-377144D5909F}" type="presOf" srcId="{3E2449B9-B1EA-4A56-921A-85B91721E4AE}" destId="{E15B6777-549E-4BDC-90CE-3F57DDBD6452}" srcOrd="0" destOrd="0" presId="urn:microsoft.com/office/officeart/2005/8/layout/hierarchy5"/>
    <dgm:cxn modelId="{E583DA70-4CB8-4255-B56F-A82ED917C5AA}" type="presOf" srcId="{13EBBFC6-55A6-4FEF-BF00-2533489F5D0C}" destId="{FF4E8691-E350-43B3-9083-FEECBB2340A4}" srcOrd="0" destOrd="0" presId="urn:microsoft.com/office/officeart/2005/8/layout/hierarchy5"/>
    <dgm:cxn modelId="{E8877774-91D8-406A-B310-6710499D2500}" type="presOf" srcId="{945A9356-2F5D-46EC-9E0F-01D28729E1B3}" destId="{7478AFD0-B581-4ADB-876A-5D930E53F2A1}" srcOrd="0" destOrd="0" presId="urn:microsoft.com/office/officeart/2005/8/layout/hierarchy5"/>
    <dgm:cxn modelId="{F48D487A-08EE-499A-96C5-19A0BDB10C6D}" type="presOf" srcId="{26AD6EC9-93F9-4AD9-A99A-6BC261C6A722}" destId="{13418BFB-9BC6-43E7-B451-A2DFE3D84DD6}" srcOrd="0" destOrd="0" presId="urn:microsoft.com/office/officeart/2005/8/layout/hierarchy5"/>
    <dgm:cxn modelId="{6BD81881-1DA8-4D41-8883-BDA756A1D042}" srcId="{3AD524C8-6450-4EDB-A668-14276E2D1A94}" destId="{37A3CFE0-3871-4809-AA5C-4476BF7EFF78}" srcOrd="3" destOrd="0" parTransId="{0140C3A0-931E-40F5-A0C0-9DACC55A6970}" sibTransId="{C6409F56-DC9E-4A7F-85B9-67A5D434ED27}"/>
    <dgm:cxn modelId="{DB4DB783-2AF6-417E-A82E-7D16903347DE}" srcId="{3AD524C8-6450-4EDB-A668-14276E2D1A94}" destId="{3E2449B9-B1EA-4A56-921A-85B91721E4AE}" srcOrd="4" destOrd="0" parTransId="{31BBFF02-81B5-4143-93BD-8B52410468DF}" sibTransId="{79034042-E6E2-4FB6-A1DC-9F58F54D71A7}"/>
    <dgm:cxn modelId="{0B15F283-2480-45A9-B80D-9D11112F6D42}" type="presOf" srcId="{0140C3A0-931E-40F5-A0C0-9DACC55A6970}" destId="{9DD577F2-D76C-48D5-A2F1-B66341076A47}" srcOrd="1" destOrd="0" presId="urn:microsoft.com/office/officeart/2005/8/layout/hierarchy5"/>
    <dgm:cxn modelId="{E3841787-90B8-4783-A6C3-97A6E4E86AE6}" type="presOf" srcId="{A30E6A28-DBD8-435F-BF5E-F3B604A5F5A3}" destId="{8B3DDF95-FC0E-4373-B5A0-B87C85C7A039}" srcOrd="0" destOrd="0" presId="urn:microsoft.com/office/officeart/2005/8/layout/hierarchy5"/>
    <dgm:cxn modelId="{3BC7099F-1890-4752-A29A-7ECE75F3ACC8}" srcId="{3AD524C8-6450-4EDB-A668-14276E2D1A94}" destId="{753BA08F-F460-4B7E-885D-3B9F5A196814}" srcOrd="2" destOrd="0" parTransId="{C2ED1EC0-8204-4B1C-8008-09C739D39E9B}" sibTransId="{BAA2CE5A-6A03-4864-A81A-2C3D5ACC9328}"/>
    <dgm:cxn modelId="{74153DB5-2854-4204-BE0D-4EA1557C4ECC}" type="presOf" srcId="{31BBFF02-81B5-4143-93BD-8B52410468DF}" destId="{403BF905-4DD4-4817-BC84-F1291F009218}" srcOrd="1" destOrd="0" presId="urn:microsoft.com/office/officeart/2005/8/layout/hierarchy5"/>
    <dgm:cxn modelId="{CF9E41C2-598E-4423-BEEE-153DBAE526F5}" type="presOf" srcId="{37A3CFE0-3871-4809-AA5C-4476BF7EFF78}" destId="{664546CA-B3A7-4293-B38E-E812B13A4847}" srcOrd="0" destOrd="0" presId="urn:microsoft.com/office/officeart/2005/8/layout/hierarchy5"/>
    <dgm:cxn modelId="{10E258C6-88D5-4B25-9213-77AD4CABB1DE}" type="presOf" srcId="{9567D971-7207-40DE-8CE4-A0A20534CBD0}" destId="{07FAF2FE-ED7A-450D-89F1-C8EF3EE1138B}" srcOrd="0" destOrd="0" presId="urn:microsoft.com/office/officeart/2005/8/layout/hierarchy5"/>
    <dgm:cxn modelId="{E3033CCF-8236-439A-8809-48916343A8E0}" type="presOf" srcId="{BF1956AC-682C-46D5-9A55-8676D57D0328}" destId="{22884A2A-8E53-4112-9DE3-DE230261DD52}" srcOrd="0" destOrd="0" presId="urn:microsoft.com/office/officeart/2005/8/layout/hierarchy5"/>
    <dgm:cxn modelId="{4B6936D1-C865-41A8-9710-934AC7EEFC2A}" type="presOf" srcId="{3AD524C8-6450-4EDB-A668-14276E2D1A94}" destId="{A20A70B0-9FDE-4579-9A85-88B02A2E608A}" srcOrd="0" destOrd="0" presId="urn:microsoft.com/office/officeart/2005/8/layout/hierarchy5"/>
    <dgm:cxn modelId="{8BE806D8-309D-48B6-ACD8-C460F12FA534}" srcId="{3AD524C8-6450-4EDB-A668-14276E2D1A94}" destId="{A30E6A28-DBD8-435F-BF5E-F3B604A5F5A3}" srcOrd="0" destOrd="0" parTransId="{13EBBFC6-55A6-4FEF-BF00-2533489F5D0C}" sibTransId="{15F5780F-C5A7-4B9F-A844-F79BC227DECD}"/>
    <dgm:cxn modelId="{471588D8-3CF9-4EB5-BB1F-C0F7FB94EF3F}" type="presOf" srcId="{31BBFF02-81B5-4143-93BD-8B52410468DF}" destId="{DBA7C561-2618-4FE5-90B6-A993EEB1077D}" srcOrd="0" destOrd="0" presId="urn:microsoft.com/office/officeart/2005/8/layout/hierarchy5"/>
    <dgm:cxn modelId="{A092CFE1-F879-4CC2-97A7-55CC9B2A3FE2}" type="presOf" srcId="{945A9356-2F5D-46EC-9E0F-01D28729E1B3}" destId="{14BE46D2-B976-497E-9A5C-8BE6D1CC0146}" srcOrd="1" destOrd="0" presId="urn:microsoft.com/office/officeart/2005/8/layout/hierarchy5"/>
    <dgm:cxn modelId="{0B41C7EF-0CE6-4F06-9502-3CFC812AA38A}" type="presOf" srcId="{0140C3A0-931E-40F5-A0C0-9DACC55A6970}" destId="{B19B6641-C57C-4094-86BB-60F65D018E15}" srcOrd="0" destOrd="0" presId="urn:microsoft.com/office/officeart/2005/8/layout/hierarchy5"/>
    <dgm:cxn modelId="{332F8DF1-A679-44EE-8DD3-C48F82EB549B}" type="presOf" srcId="{BF1956AC-682C-46D5-9A55-8676D57D0328}" destId="{2B00CA1F-B182-4729-B0E1-95782A2EFF6F}" srcOrd="1" destOrd="0" presId="urn:microsoft.com/office/officeart/2005/8/layout/hierarchy5"/>
    <dgm:cxn modelId="{7F755D25-82F6-4349-84AB-A46A6ADD6FA5}" type="presParOf" srcId="{07FAF2FE-ED7A-450D-89F1-C8EF3EE1138B}" destId="{1E303FE0-D4B4-4FC4-9396-9A15DF859061}" srcOrd="0" destOrd="0" presId="urn:microsoft.com/office/officeart/2005/8/layout/hierarchy5"/>
    <dgm:cxn modelId="{DEBD285F-AF0A-4812-9E24-ECD3F7B01443}" type="presParOf" srcId="{1E303FE0-D4B4-4FC4-9396-9A15DF859061}" destId="{B3B5D74B-8BF5-4EEA-9CD9-32EAB6CB9246}" srcOrd="0" destOrd="0" presId="urn:microsoft.com/office/officeart/2005/8/layout/hierarchy5"/>
    <dgm:cxn modelId="{76C4AB08-BD2B-4CBF-B0E2-25D2F5DBBA13}" type="presParOf" srcId="{1E303FE0-D4B4-4FC4-9396-9A15DF859061}" destId="{3589CE01-BB58-476C-8B16-AFFF9F44D365}" srcOrd="1" destOrd="0" presId="urn:microsoft.com/office/officeart/2005/8/layout/hierarchy5"/>
    <dgm:cxn modelId="{F73DC77A-26FE-4BC7-9C9C-ADC83C367F9E}" type="presParOf" srcId="{3589CE01-BB58-476C-8B16-AFFF9F44D365}" destId="{3592CE8E-2C3C-4D28-89CC-60309474635E}" srcOrd="0" destOrd="0" presId="urn:microsoft.com/office/officeart/2005/8/layout/hierarchy5"/>
    <dgm:cxn modelId="{E69204AA-E41A-461D-9A0F-F0FD0A745751}" type="presParOf" srcId="{3592CE8E-2C3C-4D28-89CC-60309474635E}" destId="{A20A70B0-9FDE-4579-9A85-88B02A2E608A}" srcOrd="0" destOrd="0" presId="urn:microsoft.com/office/officeart/2005/8/layout/hierarchy5"/>
    <dgm:cxn modelId="{1287AE9F-031E-4DB1-A89D-3BD47C048641}" type="presParOf" srcId="{3592CE8E-2C3C-4D28-89CC-60309474635E}" destId="{8ACAE010-BD59-415E-A463-68261AEA84A6}" srcOrd="1" destOrd="0" presId="urn:microsoft.com/office/officeart/2005/8/layout/hierarchy5"/>
    <dgm:cxn modelId="{CA1138F1-F8AD-47DF-BA27-BBE8A82DD527}" type="presParOf" srcId="{8ACAE010-BD59-415E-A463-68261AEA84A6}" destId="{FF4E8691-E350-43B3-9083-FEECBB2340A4}" srcOrd="0" destOrd="0" presId="urn:microsoft.com/office/officeart/2005/8/layout/hierarchy5"/>
    <dgm:cxn modelId="{995E4630-DF7E-4C6B-B314-6E25E627ABEC}" type="presParOf" srcId="{FF4E8691-E350-43B3-9083-FEECBB2340A4}" destId="{E047DAAD-669D-4544-8258-7EBFEED32419}" srcOrd="0" destOrd="0" presId="urn:microsoft.com/office/officeart/2005/8/layout/hierarchy5"/>
    <dgm:cxn modelId="{DA08826A-5157-4A52-88CD-98149569A8C0}" type="presParOf" srcId="{8ACAE010-BD59-415E-A463-68261AEA84A6}" destId="{29A43BA3-2070-475E-B314-E2BACD5F8512}" srcOrd="1" destOrd="0" presId="urn:microsoft.com/office/officeart/2005/8/layout/hierarchy5"/>
    <dgm:cxn modelId="{60BBB597-3C6A-48F6-910B-4841AB6BCD09}" type="presParOf" srcId="{29A43BA3-2070-475E-B314-E2BACD5F8512}" destId="{8B3DDF95-FC0E-4373-B5A0-B87C85C7A039}" srcOrd="0" destOrd="0" presId="urn:microsoft.com/office/officeart/2005/8/layout/hierarchy5"/>
    <dgm:cxn modelId="{877CBCDB-BDAD-4A92-894B-A3830C51F049}" type="presParOf" srcId="{29A43BA3-2070-475E-B314-E2BACD5F8512}" destId="{1ED90FE6-0C3E-4893-BA34-2DD562AD8000}" srcOrd="1" destOrd="0" presId="urn:microsoft.com/office/officeart/2005/8/layout/hierarchy5"/>
    <dgm:cxn modelId="{3E098587-E355-4AC7-9673-97C0E701E0B4}" type="presParOf" srcId="{8ACAE010-BD59-415E-A463-68261AEA84A6}" destId="{7478AFD0-B581-4ADB-876A-5D930E53F2A1}" srcOrd="2" destOrd="0" presId="urn:microsoft.com/office/officeart/2005/8/layout/hierarchy5"/>
    <dgm:cxn modelId="{9FA71494-C045-4A70-A3AD-8DDEC3EA2024}" type="presParOf" srcId="{7478AFD0-B581-4ADB-876A-5D930E53F2A1}" destId="{14BE46D2-B976-497E-9A5C-8BE6D1CC0146}" srcOrd="0" destOrd="0" presId="urn:microsoft.com/office/officeart/2005/8/layout/hierarchy5"/>
    <dgm:cxn modelId="{2918BF2F-BFAA-4C73-BF81-744D318E9AA8}" type="presParOf" srcId="{8ACAE010-BD59-415E-A463-68261AEA84A6}" destId="{7BE0FD57-D59E-4130-B2B1-E629577C3B87}" srcOrd="3" destOrd="0" presId="urn:microsoft.com/office/officeart/2005/8/layout/hierarchy5"/>
    <dgm:cxn modelId="{EA54701C-45DA-4D8C-9190-931891DB1260}" type="presParOf" srcId="{7BE0FD57-D59E-4130-B2B1-E629577C3B87}" destId="{743F437C-4266-4108-8546-DA92D068993A}" srcOrd="0" destOrd="0" presId="urn:microsoft.com/office/officeart/2005/8/layout/hierarchy5"/>
    <dgm:cxn modelId="{3EBF5C31-0F48-4F10-B898-C89CCD9F2EAB}" type="presParOf" srcId="{7BE0FD57-D59E-4130-B2B1-E629577C3B87}" destId="{2A633BFB-2E57-4B3A-981F-DDB7132FDB08}" srcOrd="1" destOrd="0" presId="urn:microsoft.com/office/officeart/2005/8/layout/hierarchy5"/>
    <dgm:cxn modelId="{EE98EA98-447A-4CEC-922A-9B1CC0ACA18A}" type="presParOf" srcId="{8ACAE010-BD59-415E-A463-68261AEA84A6}" destId="{23A7F13A-1775-4D8F-844E-4C3A76CDAC5B}" srcOrd="4" destOrd="0" presId="urn:microsoft.com/office/officeart/2005/8/layout/hierarchy5"/>
    <dgm:cxn modelId="{988D850C-93E5-4BC7-B1A3-00DFFBA53CFF}" type="presParOf" srcId="{23A7F13A-1775-4D8F-844E-4C3A76CDAC5B}" destId="{32F1CA72-1234-4151-B804-B909B743C8F7}" srcOrd="0" destOrd="0" presId="urn:microsoft.com/office/officeart/2005/8/layout/hierarchy5"/>
    <dgm:cxn modelId="{8B132733-9605-4A85-8D5C-1F5BEB314239}" type="presParOf" srcId="{8ACAE010-BD59-415E-A463-68261AEA84A6}" destId="{19C2E477-4FFD-496C-8ADF-FCC3CC0A8BCF}" srcOrd="5" destOrd="0" presId="urn:microsoft.com/office/officeart/2005/8/layout/hierarchy5"/>
    <dgm:cxn modelId="{BE897CF0-BA54-4B66-B17C-F4E514850CF1}" type="presParOf" srcId="{19C2E477-4FFD-496C-8ADF-FCC3CC0A8BCF}" destId="{359DA775-31E6-4460-81E4-2ED2A585CC24}" srcOrd="0" destOrd="0" presId="urn:microsoft.com/office/officeart/2005/8/layout/hierarchy5"/>
    <dgm:cxn modelId="{6FBF9CF7-D2E7-41F7-9ED8-AF8C2B40D0EF}" type="presParOf" srcId="{19C2E477-4FFD-496C-8ADF-FCC3CC0A8BCF}" destId="{3BF99A57-69DB-4D04-B931-E8BB100A835E}" srcOrd="1" destOrd="0" presId="urn:microsoft.com/office/officeart/2005/8/layout/hierarchy5"/>
    <dgm:cxn modelId="{6D9947B7-5049-4226-A7BD-E8CBD260C01F}" type="presParOf" srcId="{8ACAE010-BD59-415E-A463-68261AEA84A6}" destId="{B19B6641-C57C-4094-86BB-60F65D018E15}" srcOrd="6" destOrd="0" presId="urn:microsoft.com/office/officeart/2005/8/layout/hierarchy5"/>
    <dgm:cxn modelId="{A49DE587-1245-4F6D-BF4F-A18562549F8F}" type="presParOf" srcId="{B19B6641-C57C-4094-86BB-60F65D018E15}" destId="{9DD577F2-D76C-48D5-A2F1-B66341076A47}" srcOrd="0" destOrd="0" presId="urn:microsoft.com/office/officeart/2005/8/layout/hierarchy5"/>
    <dgm:cxn modelId="{133F584B-52DB-4F16-8D5A-42FBF69D16E6}" type="presParOf" srcId="{8ACAE010-BD59-415E-A463-68261AEA84A6}" destId="{1CDFB42F-2C5F-4D87-877B-112CC6C7C462}" srcOrd="7" destOrd="0" presId="urn:microsoft.com/office/officeart/2005/8/layout/hierarchy5"/>
    <dgm:cxn modelId="{07D86E1D-411D-4FF0-AA9A-FDC0335E4C10}" type="presParOf" srcId="{1CDFB42F-2C5F-4D87-877B-112CC6C7C462}" destId="{664546CA-B3A7-4293-B38E-E812B13A4847}" srcOrd="0" destOrd="0" presId="urn:microsoft.com/office/officeart/2005/8/layout/hierarchy5"/>
    <dgm:cxn modelId="{101BC7EC-1F0F-4695-BE8B-F66107C92F94}" type="presParOf" srcId="{1CDFB42F-2C5F-4D87-877B-112CC6C7C462}" destId="{7BBDE53F-E5BD-4DFF-9B89-8560D4D4D034}" srcOrd="1" destOrd="0" presId="urn:microsoft.com/office/officeart/2005/8/layout/hierarchy5"/>
    <dgm:cxn modelId="{49536654-7C58-4D99-AC42-F6CC7B94AB31}" type="presParOf" srcId="{8ACAE010-BD59-415E-A463-68261AEA84A6}" destId="{DBA7C561-2618-4FE5-90B6-A993EEB1077D}" srcOrd="8" destOrd="0" presId="urn:microsoft.com/office/officeart/2005/8/layout/hierarchy5"/>
    <dgm:cxn modelId="{8C4A5CFE-227E-4C56-8755-01E6A588B026}" type="presParOf" srcId="{DBA7C561-2618-4FE5-90B6-A993EEB1077D}" destId="{403BF905-4DD4-4817-BC84-F1291F009218}" srcOrd="0" destOrd="0" presId="urn:microsoft.com/office/officeart/2005/8/layout/hierarchy5"/>
    <dgm:cxn modelId="{C429D416-788C-46B3-887C-8ED230F8375E}" type="presParOf" srcId="{8ACAE010-BD59-415E-A463-68261AEA84A6}" destId="{8AFD8C92-9E30-427B-BDD0-AF6327BA081D}" srcOrd="9" destOrd="0" presId="urn:microsoft.com/office/officeart/2005/8/layout/hierarchy5"/>
    <dgm:cxn modelId="{3A7BF555-F378-41D9-9054-87391F1B820A}" type="presParOf" srcId="{8AFD8C92-9E30-427B-BDD0-AF6327BA081D}" destId="{E15B6777-549E-4BDC-90CE-3F57DDBD6452}" srcOrd="0" destOrd="0" presId="urn:microsoft.com/office/officeart/2005/8/layout/hierarchy5"/>
    <dgm:cxn modelId="{9BC66553-26D4-4CAD-A7DB-BC4CD13CD96C}" type="presParOf" srcId="{8AFD8C92-9E30-427B-BDD0-AF6327BA081D}" destId="{7E113C1A-BC9F-4F83-9586-AE92B440BBB7}" srcOrd="1" destOrd="0" presId="urn:microsoft.com/office/officeart/2005/8/layout/hierarchy5"/>
    <dgm:cxn modelId="{530353D8-23E2-4592-8A80-AEF4B3D691AF}" type="presParOf" srcId="{07FAF2FE-ED7A-450D-89F1-C8EF3EE1138B}" destId="{F59B68D2-EFC1-4B68-AB8F-E5642A117B35}" srcOrd="1" destOrd="0" presId="urn:microsoft.com/office/officeart/2005/8/layout/hierarchy5"/>
    <dgm:cxn modelId="{B1E3D3A6-E46F-44EF-BDB3-47D78559B64C}" type="presParOf" srcId="{F59B68D2-EFC1-4B68-AB8F-E5642A117B35}" destId="{FAD940DD-C7D9-4E7B-8203-3CBE7395EDAA}" srcOrd="0" destOrd="0" presId="urn:microsoft.com/office/officeart/2005/8/layout/hierarchy5"/>
    <dgm:cxn modelId="{EDB313D3-E9F5-4630-9E6E-AF536931F1FC}" type="presParOf" srcId="{FAD940DD-C7D9-4E7B-8203-3CBE7395EDAA}" destId="{13418BFB-9BC6-43E7-B451-A2DFE3D84DD6}" srcOrd="0" destOrd="0" presId="urn:microsoft.com/office/officeart/2005/8/layout/hierarchy5"/>
    <dgm:cxn modelId="{8EEDAB39-8F24-4371-9EFA-B61845397425}" type="presParOf" srcId="{FAD940DD-C7D9-4E7B-8203-3CBE7395EDAA}" destId="{9C34A67C-ADD4-4FCD-8460-AB259779EFB8}" srcOrd="1" destOrd="0" presId="urn:microsoft.com/office/officeart/2005/8/layout/hierarchy5"/>
    <dgm:cxn modelId="{56D67AC6-6DDB-4CF5-A56E-2122008DE1EC}" type="presParOf" srcId="{F59B68D2-EFC1-4B68-AB8F-E5642A117B35}" destId="{8B27A0C3-40B6-4F3D-82F4-D885B0643BBE}" srcOrd="1" destOrd="0" presId="urn:microsoft.com/office/officeart/2005/8/layout/hierarchy5"/>
    <dgm:cxn modelId="{FFB57AEF-A03C-44A6-B989-835C59986DE4}" type="presParOf" srcId="{8B27A0C3-40B6-4F3D-82F4-D885B0643BBE}" destId="{AC273CC2-AE1C-4871-A41F-00F2ED07D5C6}" srcOrd="0" destOrd="0" presId="urn:microsoft.com/office/officeart/2005/8/layout/hierarchy5"/>
    <dgm:cxn modelId="{5D275B61-289A-4BF4-8EC7-C3560CA1B3D6}" type="presParOf" srcId="{F59B68D2-EFC1-4B68-AB8F-E5642A117B35}" destId="{4D3686F3-0D06-4F74-B2F2-F37BEF018B4C}" srcOrd="2" destOrd="0" presId="urn:microsoft.com/office/officeart/2005/8/layout/hierarchy5"/>
    <dgm:cxn modelId="{84A96834-CE3E-458C-9299-0B99BF64518F}" type="presParOf" srcId="{4D3686F3-0D06-4F74-B2F2-F37BEF018B4C}" destId="{22884A2A-8E53-4112-9DE3-DE230261DD52}" srcOrd="0" destOrd="0" presId="urn:microsoft.com/office/officeart/2005/8/layout/hierarchy5"/>
    <dgm:cxn modelId="{860172F0-2A3F-4F7B-906F-C0F8AB4DAFC1}" type="presParOf" srcId="{4D3686F3-0D06-4F74-B2F2-F37BEF018B4C}" destId="{2B00CA1F-B182-4729-B0E1-95782A2EFF6F}" srcOrd="1" destOrd="0" presId="urn:microsoft.com/office/officeart/2005/8/layout/hierarchy5"/>
  </dgm:cxnLst>
  <dgm:bg/>
  <dgm:whole>
    <a:ln>
      <a:solidFill>
        <a:schemeClr val="tx2"/>
      </a:solidFill>
    </a:ln>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75115D98-C27E-42E8-93CE-80F927CBB0D2}">
      <dsp:nvSpPr>
        <dsp:cNvPr id="0" name=""/>
        <dsp:cNvSpPr/>
      </dsp:nvSpPr>
      <dsp:spPr>
        <a:xfrm>
          <a:off x="7696869" y="2036789"/>
          <a:ext cx="103504" cy="3369921"/>
        </a:xfrm>
        <a:custGeom>
          <a:avLst/>
          <a:gdLst/>
          <a:ahLst/>
          <a:cxnLst/>
          <a:rect l="0" t="0" r="0" b="0"/>
          <a:pathLst>
            <a:path>
              <a:moveTo>
                <a:pt x="0" y="0"/>
              </a:moveTo>
              <a:lnTo>
                <a:pt x="0" y="3369921"/>
              </a:lnTo>
              <a:lnTo>
                <a:pt x="103504" y="3369921"/>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4AB436E-8760-4363-BD9B-6C4E220880F3}">
      <dsp:nvSpPr>
        <dsp:cNvPr id="0" name=""/>
        <dsp:cNvSpPr/>
      </dsp:nvSpPr>
      <dsp:spPr>
        <a:xfrm>
          <a:off x="7696869" y="2036789"/>
          <a:ext cx="103504" cy="2450516"/>
        </a:xfrm>
        <a:custGeom>
          <a:avLst/>
          <a:gdLst/>
          <a:ahLst/>
          <a:cxnLst/>
          <a:rect l="0" t="0" r="0" b="0"/>
          <a:pathLst>
            <a:path>
              <a:moveTo>
                <a:pt x="0" y="0"/>
              </a:moveTo>
              <a:lnTo>
                <a:pt x="0" y="2450516"/>
              </a:lnTo>
              <a:lnTo>
                <a:pt x="103504" y="2450516"/>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236DE86-32D2-4AF9-B39F-A4894C9C6813}">
      <dsp:nvSpPr>
        <dsp:cNvPr id="0" name=""/>
        <dsp:cNvSpPr/>
      </dsp:nvSpPr>
      <dsp:spPr>
        <a:xfrm>
          <a:off x="7696869" y="2036789"/>
          <a:ext cx="103504" cy="1476939"/>
        </a:xfrm>
        <a:custGeom>
          <a:avLst/>
          <a:gdLst/>
          <a:ahLst/>
          <a:cxnLst/>
          <a:rect l="0" t="0" r="0" b="0"/>
          <a:pathLst>
            <a:path>
              <a:moveTo>
                <a:pt x="0" y="0"/>
              </a:moveTo>
              <a:lnTo>
                <a:pt x="0" y="1476939"/>
              </a:lnTo>
              <a:lnTo>
                <a:pt x="103504" y="1476939"/>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83F1896-4CE2-4FA4-B22A-AAA7C89B3CF2}">
      <dsp:nvSpPr>
        <dsp:cNvPr id="0" name=""/>
        <dsp:cNvSpPr/>
      </dsp:nvSpPr>
      <dsp:spPr>
        <a:xfrm>
          <a:off x="7696869" y="2036789"/>
          <a:ext cx="103504" cy="503362"/>
        </a:xfrm>
        <a:custGeom>
          <a:avLst/>
          <a:gdLst/>
          <a:ahLst/>
          <a:cxnLst/>
          <a:rect l="0" t="0" r="0" b="0"/>
          <a:pathLst>
            <a:path>
              <a:moveTo>
                <a:pt x="0" y="0"/>
              </a:moveTo>
              <a:lnTo>
                <a:pt x="0" y="503362"/>
              </a:lnTo>
              <a:lnTo>
                <a:pt x="103504" y="503362"/>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927EB7F-5FD9-49CB-9457-2C7A0109DBFC}">
      <dsp:nvSpPr>
        <dsp:cNvPr id="0" name=""/>
        <dsp:cNvSpPr/>
      </dsp:nvSpPr>
      <dsp:spPr>
        <a:xfrm>
          <a:off x="4795473" y="1017492"/>
          <a:ext cx="3635345" cy="91440"/>
        </a:xfrm>
        <a:custGeom>
          <a:avLst/>
          <a:gdLst/>
          <a:ahLst/>
          <a:cxnLst/>
          <a:rect l="0" t="0" r="0" b="0"/>
          <a:pathLst>
            <a:path>
              <a:moveTo>
                <a:pt x="0" y="45720"/>
              </a:moveTo>
              <a:lnTo>
                <a:pt x="0" y="62293"/>
              </a:lnTo>
              <a:lnTo>
                <a:pt x="3635345" y="62293"/>
              </a:lnTo>
              <a:lnTo>
                <a:pt x="3635345" y="78867"/>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E56EED1-7C54-454D-A673-53412DD6D943}">
      <dsp:nvSpPr>
        <dsp:cNvPr id="0" name=""/>
        <dsp:cNvSpPr/>
      </dsp:nvSpPr>
      <dsp:spPr>
        <a:xfrm>
          <a:off x="5929545" y="2036789"/>
          <a:ext cx="267952" cy="503363"/>
        </a:xfrm>
        <a:custGeom>
          <a:avLst/>
          <a:gdLst/>
          <a:ahLst/>
          <a:cxnLst/>
          <a:rect l="0" t="0" r="0" b="0"/>
          <a:pathLst>
            <a:path>
              <a:moveTo>
                <a:pt x="0" y="0"/>
              </a:moveTo>
              <a:lnTo>
                <a:pt x="0" y="503363"/>
              </a:lnTo>
              <a:lnTo>
                <a:pt x="267952" y="503363"/>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68D9649-B6AF-4146-9BBA-6D6BC8CEF4F6}">
      <dsp:nvSpPr>
        <dsp:cNvPr id="0" name=""/>
        <dsp:cNvSpPr/>
      </dsp:nvSpPr>
      <dsp:spPr>
        <a:xfrm>
          <a:off x="4795473" y="1017492"/>
          <a:ext cx="1868020" cy="91440"/>
        </a:xfrm>
        <a:custGeom>
          <a:avLst/>
          <a:gdLst/>
          <a:ahLst/>
          <a:cxnLst/>
          <a:rect l="0" t="0" r="0" b="0"/>
          <a:pathLst>
            <a:path>
              <a:moveTo>
                <a:pt x="0" y="45720"/>
              </a:moveTo>
              <a:lnTo>
                <a:pt x="0" y="62293"/>
              </a:lnTo>
              <a:lnTo>
                <a:pt x="1868020" y="62293"/>
              </a:lnTo>
              <a:lnTo>
                <a:pt x="1868020" y="78867"/>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9401985-6D46-4CBB-89C7-4399E52F34FA}">
      <dsp:nvSpPr>
        <dsp:cNvPr id="0" name=""/>
        <dsp:cNvSpPr/>
      </dsp:nvSpPr>
      <dsp:spPr>
        <a:xfrm>
          <a:off x="4061524" y="2036789"/>
          <a:ext cx="275230" cy="503362"/>
        </a:xfrm>
        <a:custGeom>
          <a:avLst/>
          <a:gdLst/>
          <a:ahLst/>
          <a:cxnLst/>
          <a:rect l="0" t="0" r="0" b="0"/>
          <a:pathLst>
            <a:path>
              <a:moveTo>
                <a:pt x="0" y="0"/>
              </a:moveTo>
              <a:lnTo>
                <a:pt x="0" y="503362"/>
              </a:lnTo>
              <a:lnTo>
                <a:pt x="275230" y="503362"/>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4915DA5-DB16-4D8F-A509-1B3FA1697795}">
      <dsp:nvSpPr>
        <dsp:cNvPr id="0" name=""/>
        <dsp:cNvSpPr/>
      </dsp:nvSpPr>
      <dsp:spPr>
        <a:xfrm>
          <a:off x="4749753" y="1017492"/>
          <a:ext cx="91440" cy="91440"/>
        </a:xfrm>
        <a:custGeom>
          <a:avLst/>
          <a:gdLst/>
          <a:ahLst/>
          <a:cxnLst/>
          <a:rect l="0" t="0" r="0" b="0"/>
          <a:pathLst>
            <a:path>
              <a:moveTo>
                <a:pt x="45720" y="45720"/>
              </a:moveTo>
              <a:lnTo>
                <a:pt x="45720" y="78867"/>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F408556-345D-495C-BC70-4FC508BD2E40}">
      <dsp:nvSpPr>
        <dsp:cNvPr id="0" name=""/>
        <dsp:cNvSpPr/>
      </dsp:nvSpPr>
      <dsp:spPr>
        <a:xfrm>
          <a:off x="2193503" y="2036789"/>
          <a:ext cx="275230" cy="3369921"/>
        </a:xfrm>
        <a:custGeom>
          <a:avLst/>
          <a:gdLst/>
          <a:ahLst/>
          <a:cxnLst/>
          <a:rect l="0" t="0" r="0" b="0"/>
          <a:pathLst>
            <a:path>
              <a:moveTo>
                <a:pt x="0" y="0"/>
              </a:moveTo>
              <a:lnTo>
                <a:pt x="0" y="3369921"/>
              </a:lnTo>
              <a:lnTo>
                <a:pt x="275230" y="3369921"/>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ABF5422-AE9D-4DC0-945A-D95A52265B92}">
      <dsp:nvSpPr>
        <dsp:cNvPr id="0" name=""/>
        <dsp:cNvSpPr/>
      </dsp:nvSpPr>
      <dsp:spPr>
        <a:xfrm>
          <a:off x="2193503" y="2036789"/>
          <a:ext cx="275230" cy="2450516"/>
        </a:xfrm>
        <a:custGeom>
          <a:avLst/>
          <a:gdLst/>
          <a:ahLst/>
          <a:cxnLst/>
          <a:rect l="0" t="0" r="0" b="0"/>
          <a:pathLst>
            <a:path>
              <a:moveTo>
                <a:pt x="0" y="0"/>
              </a:moveTo>
              <a:lnTo>
                <a:pt x="0" y="2450516"/>
              </a:lnTo>
              <a:lnTo>
                <a:pt x="275230" y="2450516"/>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03EA17E-F6A5-4F85-AEB7-D4BBE8D0BAD3}">
      <dsp:nvSpPr>
        <dsp:cNvPr id="0" name=""/>
        <dsp:cNvSpPr/>
      </dsp:nvSpPr>
      <dsp:spPr>
        <a:xfrm>
          <a:off x="2193503" y="2036789"/>
          <a:ext cx="275230" cy="1476939"/>
        </a:xfrm>
        <a:custGeom>
          <a:avLst/>
          <a:gdLst/>
          <a:ahLst/>
          <a:cxnLst/>
          <a:rect l="0" t="0" r="0" b="0"/>
          <a:pathLst>
            <a:path>
              <a:moveTo>
                <a:pt x="0" y="0"/>
              </a:moveTo>
              <a:lnTo>
                <a:pt x="0" y="1476939"/>
              </a:lnTo>
              <a:lnTo>
                <a:pt x="275230" y="1476939"/>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27A3E47-133B-4FEF-BA5D-4A57BFDE4A87}">
      <dsp:nvSpPr>
        <dsp:cNvPr id="0" name=""/>
        <dsp:cNvSpPr/>
      </dsp:nvSpPr>
      <dsp:spPr>
        <a:xfrm>
          <a:off x="2193503" y="2036789"/>
          <a:ext cx="275230" cy="503362"/>
        </a:xfrm>
        <a:custGeom>
          <a:avLst/>
          <a:gdLst/>
          <a:ahLst/>
          <a:cxnLst/>
          <a:rect l="0" t="0" r="0" b="0"/>
          <a:pathLst>
            <a:path>
              <a:moveTo>
                <a:pt x="0" y="0"/>
              </a:moveTo>
              <a:lnTo>
                <a:pt x="0" y="503362"/>
              </a:lnTo>
              <a:lnTo>
                <a:pt x="275230" y="503362"/>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89153ED-11B2-4317-B977-4DD2CD6DA20A}">
      <dsp:nvSpPr>
        <dsp:cNvPr id="0" name=""/>
        <dsp:cNvSpPr/>
      </dsp:nvSpPr>
      <dsp:spPr>
        <a:xfrm>
          <a:off x="2927452" y="1017492"/>
          <a:ext cx="1868020" cy="91440"/>
        </a:xfrm>
        <a:custGeom>
          <a:avLst/>
          <a:gdLst/>
          <a:ahLst/>
          <a:cxnLst/>
          <a:rect l="0" t="0" r="0" b="0"/>
          <a:pathLst>
            <a:path>
              <a:moveTo>
                <a:pt x="1868020" y="45720"/>
              </a:moveTo>
              <a:lnTo>
                <a:pt x="1868020" y="62293"/>
              </a:lnTo>
              <a:lnTo>
                <a:pt x="0" y="62293"/>
              </a:lnTo>
              <a:lnTo>
                <a:pt x="0" y="78867"/>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ECFD745B-E040-42C1-8EC8-31623FC30382}">
      <dsp:nvSpPr>
        <dsp:cNvPr id="0" name=""/>
        <dsp:cNvSpPr/>
      </dsp:nvSpPr>
      <dsp:spPr>
        <a:xfrm>
          <a:off x="325482" y="2036789"/>
          <a:ext cx="275230" cy="503362"/>
        </a:xfrm>
        <a:custGeom>
          <a:avLst/>
          <a:gdLst/>
          <a:ahLst/>
          <a:cxnLst/>
          <a:rect l="0" t="0" r="0" b="0"/>
          <a:pathLst>
            <a:path>
              <a:moveTo>
                <a:pt x="0" y="0"/>
              </a:moveTo>
              <a:lnTo>
                <a:pt x="0" y="503362"/>
              </a:lnTo>
              <a:lnTo>
                <a:pt x="275230" y="503362"/>
              </a:lnTo>
            </a:path>
          </a:pathLst>
        </a:custGeom>
        <a:noFill/>
        <a:ln w="15875" cap="rnd" cmpd="sng" algn="ctr">
          <a:solidFill>
            <a:schemeClr val="accent1">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46C2B45-771F-49AC-AB6C-57DDF7F24242}">
      <dsp:nvSpPr>
        <dsp:cNvPr id="0" name=""/>
        <dsp:cNvSpPr/>
      </dsp:nvSpPr>
      <dsp:spPr>
        <a:xfrm>
          <a:off x="1059431" y="1017492"/>
          <a:ext cx="3736041" cy="91440"/>
        </a:xfrm>
        <a:custGeom>
          <a:avLst/>
          <a:gdLst/>
          <a:ahLst/>
          <a:cxnLst/>
          <a:rect l="0" t="0" r="0" b="0"/>
          <a:pathLst>
            <a:path>
              <a:moveTo>
                <a:pt x="3736041" y="45720"/>
              </a:moveTo>
              <a:lnTo>
                <a:pt x="3736041" y="62293"/>
              </a:lnTo>
              <a:lnTo>
                <a:pt x="0" y="62293"/>
              </a:lnTo>
              <a:lnTo>
                <a:pt x="0" y="78867"/>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00615CC6-6D4E-40D7-A020-35272EC73FB2}">
      <dsp:nvSpPr>
        <dsp:cNvPr id="0" name=""/>
        <dsp:cNvSpPr/>
      </dsp:nvSpPr>
      <dsp:spPr>
        <a:xfrm>
          <a:off x="3878036" y="122782"/>
          <a:ext cx="1834873" cy="940429"/>
        </a:xfrm>
        <a:prstGeom prst="rect">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b="1" kern="1200">
              <a:ln>
                <a:noFill/>
              </a:ln>
              <a:solidFill>
                <a:schemeClr val="bg1"/>
              </a:solidFill>
            </a:rPr>
            <a:t>Functional &amp; Useful M&amp;E System</a:t>
          </a:r>
          <a:endParaRPr lang="en-US" sz="1600" kern="1200">
            <a:ln>
              <a:noFill/>
            </a:ln>
            <a:solidFill>
              <a:schemeClr val="bg1"/>
            </a:solidFill>
          </a:endParaRPr>
        </a:p>
      </dsp:txBody>
      <dsp:txXfrm>
        <a:off x="3878036" y="122782"/>
        <a:ext cx="1834873" cy="940429"/>
      </dsp:txXfrm>
    </dsp:sp>
    <dsp:sp modelId="{EBFE9BB6-7DC9-49F7-8096-4C9C19AF3E90}">
      <dsp:nvSpPr>
        <dsp:cNvPr id="0" name=""/>
        <dsp:cNvSpPr/>
      </dsp:nvSpPr>
      <dsp:spPr>
        <a:xfrm>
          <a:off x="141995" y="1096359"/>
          <a:ext cx="1834873" cy="940429"/>
        </a:xfrm>
        <a:prstGeom prst="rect">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1. Data Demand</a:t>
          </a:r>
        </a:p>
      </dsp:txBody>
      <dsp:txXfrm>
        <a:off x="141995" y="1096359"/>
        <a:ext cx="1834873" cy="940429"/>
      </dsp:txXfrm>
    </dsp:sp>
    <dsp:sp modelId="{4D36185A-2612-4407-AC11-2F1BD097D464}">
      <dsp:nvSpPr>
        <dsp:cNvPr id="0" name=""/>
        <dsp:cNvSpPr/>
      </dsp:nvSpPr>
      <dsp:spPr>
        <a:xfrm>
          <a:off x="600713" y="2069937"/>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Gap analysis of M&amp;E demand side</a:t>
          </a:r>
        </a:p>
      </dsp:txBody>
      <dsp:txXfrm>
        <a:off x="600713" y="2069937"/>
        <a:ext cx="1834873" cy="940429"/>
      </dsp:txXfrm>
    </dsp:sp>
    <dsp:sp modelId="{423DC57F-B4C7-4D1F-AC24-A23D3924EF1F}">
      <dsp:nvSpPr>
        <dsp:cNvPr id="0" name=""/>
        <dsp:cNvSpPr/>
      </dsp:nvSpPr>
      <dsp:spPr>
        <a:xfrm>
          <a:off x="2010015" y="1096359"/>
          <a:ext cx="1834873" cy="940429"/>
        </a:xfrm>
        <a:prstGeom prst="rect">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2. Data Collection &amp; Processing</a:t>
          </a:r>
        </a:p>
      </dsp:txBody>
      <dsp:txXfrm>
        <a:off x="2010015" y="1096359"/>
        <a:ext cx="1834873" cy="940429"/>
      </dsp:txXfrm>
    </dsp:sp>
    <dsp:sp modelId="{FA4B56D0-270E-4C6A-BD88-5763752E6E90}">
      <dsp:nvSpPr>
        <dsp:cNvPr id="0" name=""/>
        <dsp:cNvSpPr/>
      </dsp:nvSpPr>
      <dsp:spPr>
        <a:xfrm>
          <a:off x="2468734" y="2069937"/>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M&amp;E Plan</a:t>
          </a:r>
        </a:p>
      </dsp:txBody>
      <dsp:txXfrm>
        <a:off x="2468734" y="2069937"/>
        <a:ext cx="1834873" cy="940429"/>
      </dsp:txXfrm>
    </dsp:sp>
    <dsp:sp modelId="{BED20F59-80BD-46D0-AF11-A1CF514B37B4}">
      <dsp:nvSpPr>
        <dsp:cNvPr id="0" name=""/>
        <dsp:cNvSpPr/>
      </dsp:nvSpPr>
      <dsp:spPr>
        <a:xfrm>
          <a:off x="2468734" y="3043514"/>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M&amp;E Process Manual</a:t>
          </a:r>
        </a:p>
      </dsp:txBody>
      <dsp:txXfrm>
        <a:off x="2468734" y="3043514"/>
        <a:ext cx="1834873" cy="940429"/>
      </dsp:txXfrm>
    </dsp:sp>
    <dsp:sp modelId="{4EE532C1-AE67-45B3-BB31-0C970DA02063}">
      <dsp:nvSpPr>
        <dsp:cNvPr id="0" name=""/>
        <dsp:cNvSpPr/>
      </dsp:nvSpPr>
      <dsp:spPr>
        <a:xfrm>
          <a:off x="2468734" y="4017091"/>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Information Management System</a:t>
          </a:r>
        </a:p>
      </dsp:txBody>
      <dsp:txXfrm>
        <a:off x="2468734" y="4017091"/>
        <a:ext cx="1834873" cy="940429"/>
      </dsp:txXfrm>
    </dsp:sp>
    <dsp:sp modelId="{AAE26F62-BD30-496D-A95A-3E9234865669}">
      <dsp:nvSpPr>
        <dsp:cNvPr id="0" name=""/>
        <dsp:cNvSpPr/>
      </dsp:nvSpPr>
      <dsp:spPr>
        <a:xfrm>
          <a:off x="2468734" y="4936495"/>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Collect &amp; process data per needs (time &amp; content)</a:t>
          </a:r>
        </a:p>
      </dsp:txBody>
      <dsp:txXfrm>
        <a:off x="2468734" y="4936495"/>
        <a:ext cx="1834873" cy="940429"/>
      </dsp:txXfrm>
    </dsp:sp>
    <dsp:sp modelId="{009EEA76-70EF-437B-9107-A230677637B7}">
      <dsp:nvSpPr>
        <dsp:cNvPr id="0" name=""/>
        <dsp:cNvSpPr/>
      </dsp:nvSpPr>
      <dsp:spPr>
        <a:xfrm>
          <a:off x="3878036" y="1096359"/>
          <a:ext cx="1834873" cy="940429"/>
        </a:xfrm>
        <a:prstGeom prst="rect">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3. Information Availability</a:t>
          </a:r>
        </a:p>
      </dsp:txBody>
      <dsp:txXfrm>
        <a:off x="3878036" y="1096359"/>
        <a:ext cx="1834873" cy="940429"/>
      </dsp:txXfrm>
    </dsp:sp>
    <dsp:sp modelId="{4216A3E2-8844-4D9A-9B4A-7339AAB4BEC8}">
      <dsp:nvSpPr>
        <dsp:cNvPr id="0" name=""/>
        <dsp:cNvSpPr/>
      </dsp:nvSpPr>
      <dsp:spPr>
        <a:xfrm>
          <a:off x="4336755" y="2069937"/>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Gap analysis of supply side</a:t>
          </a:r>
        </a:p>
      </dsp:txBody>
      <dsp:txXfrm>
        <a:off x="4336755" y="2069937"/>
        <a:ext cx="1834873" cy="940429"/>
      </dsp:txXfrm>
    </dsp:sp>
    <dsp:sp modelId="{2AFCACAA-DAF5-4351-BB5D-F7C0480A7BC3}">
      <dsp:nvSpPr>
        <dsp:cNvPr id="0" name=""/>
        <dsp:cNvSpPr/>
      </dsp:nvSpPr>
      <dsp:spPr>
        <a:xfrm>
          <a:off x="5746057" y="1096359"/>
          <a:ext cx="1834873" cy="940429"/>
        </a:xfrm>
        <a:prstGeom prst="rect">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4. Information Use</a:t>
          </a:r>
        </a:p>
      </dsp:txBody>
      <dsp:txXfrm>
        <a:off x="5746057" y="1096359"/>
        <a:ext cx="1834873" cy="940429"/>
      </dsp:txXfrm>
    </dsp:sp>
    <dsp:sp modelId="{49160F5C-762F-4FEC-A3CE-1CF1149FD53C}">
      <dsp:nvSpPr>
        <dsp:cNvPr id="0" name=""/>
        <dsp:cNvSpPr/>
      </dsp:nvSpPr>
      <dsp:spPr>
        <a:xfrm>
          <a:off x="6197497" y="2069937"/>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Reports, Tables, Graphics</a:t>
          </a:r>
        </a:p>
      </dsp:txBody>
      <dsp:txXfrm>
        <a:off x="6197497" y="2069937"/>
        <a:ext cx="1834873" cy="940429"/>
      </dsp:txXfrm>
    </dsp:sp>
    <dsp:sp modelId="{B61B9C1F-4971-445B-877C-60CC9FB02830}">
      <dsp:nvSpPr>
        <dsp:cNvPr id="0" name=""/>
        <dsp:cNvSpPr/>
      </dsp:nvSpPr>
      <dsp:spPr>
        <a:xfrm>
          <a:off x="7513382" y="1096359"/>
          <a:ext cx="1834873" cy="940429"/>
        </a:xfrm>
        <a:prstGeom prst="rect">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dirty="0">
              <a:ln>
                <a:noFill/>
              </a:ln>
              <a:solidFill>
                <a:sysClr val="windowText" lastClr="000000"/>
              </a:solidFill>
            </a:rPr>
            <a:t>5. Administer M&amp;E Activities</a:t>
          </a:r>
        </a:p>
      </dsp:txBody>
      <dsp:txXfrm>
        <a:off x="7513382" y="1096359"/>
        <a:ext cx="1834873" cy="940429"/>
      </dsp:txXfrm>
    </dsp:sp>
    <dsp:sp modelId="{02F24FDB-03B1-4FBA-8CF6-CB22BE11153F}">
      <dsp:nvSpPr>
        <dsp:cNvPr id="0" name=""/>
        <dsp:cNvSpPr/>
      </dsp:nvSpPr>
      <dsp:spPr>
        <a:xfrm>
          <a:off x="7800374" y="2069937"/>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M&amp;E Workplan</a:t>
          </a:r>
        </a:p>
      </dsp:txBody>
      <dsp:txXfrm>
        <a:off x="7800374" y="2069937"/>
        <a:ext cx="1834873" cy="940429"/>
      </dsp:txXfrm>
    </dsp:sp>
    <dsp:sp modelId="{05701534-2BB0-4F02-B1B6-EBE4EB2209D8}">
      <dsp:nvSpPr>
        <dsp:cNvPr id="0" name=""/>
        <dsp:cNvSpPr/>
      </dsp:nvSpPr>
      <dsp:spPr>
        <a:xfrm>
          <a:off x="7800374" y="3043514"/>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M&amp;E Budget</a:t>
          </a:r>
        </a:p>
      </dsp:txBody>
      <dsp:txXfrm>
        <a:off x="7800374" y="3043514"/>
        <a:ext cx="1834873" cy="940429"/>
      </dsp:txXfrm>
    </dsp:sp>
    <dsp:sp modelId="{C08FD8AE-6B77-4AA5-A8CE-F75909E612E8}">
      <dsp:nvSpPr>
        <dsp:cNvPr id="0" name=""/>
        <dsp:cNvSpPr/>
      </dsp:nvSpPr>
      <dsp:spPr>
        <a:xfrm>
          <a:off x="7800374" y="4017091"/>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ln>
                <a:noFill/>
              </a:ln>
              <a:solidFill>
                <a:sysClr val="windowText" lastClr="000000"/>
              </a:solidFill>
            </a:rPr>
            <a:t>M&amp;E Staffing Plan (revised)</a:t>
          </a:r>
        </a:p>
      </dsp:txBody>
      <dsp:txXfrm>
        <a:off x="7800374" y="4017091"/>
        <a:ext cx="1834873" cy="940429"/>
      </dsp:txXfrm>
    </dsp:sp>
    <dsp:sp modelId="{659CDC0C-4311-4803-816A-EC3E01124E85}">
      <dsp:nvSpPr>
        <dsp:cNvPr id="0" name=""/>
        <dsp:cNvSpPr/>
      </dsp:nvSpPr>
      <dsp:spPr>
        <a:xfrm>
          <a:off x="7800374" y="4936495"/>
          <a:ext cx="1834873" cy="940429"/>
        </a:xfrm>
        <a:prstGeom prst="rect">
          <a:avLst/>
        </a:prstGeom>
        <a:solidFill>
          <a:schemeClr val="accent3"/>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0160" tIns="10160" rIns="10160" bIns="10160" numCol="1" spcCol="1270" anchor="ctr" anchorCtr="0">
          <a:noAutofit/>
        </a:bodyPr>
        <a:lstStyle/>
        <a:p>
          <a:pPr marL="0" lvl="0" indent="0" algn="ctr" defTabSz="711200">
            <a:lnSpc>
              <a:spcPct val="90000"/>
            </a:lnSpc>
            <a:spcBef>
              <a:spcPct val="0"/>
            </a:spcBef>
            <a:spcAft>
              <a:spcPct val="35000"/>
            </a:spcAft>
            <a:buNone/>
          </a:pPr>
          <a:r>
            <a:rPr lang="en-US" sz="1600" kern="1200">
              <a:solidFill>
                <a:sysClr val="windowText" lastClr="000000"/>
              </a:solidFill>
            </a:rPr>
            <a:t>M&amp;E Capacity Building</a:t>
          </a:r>
          <a:endParaRPr lang="en-US" sz="1600" kern="1200">
            <a:ln>
              <a:noFill/>
            </a:ln>
            <a:solidFill>
              <a:sysClr val="windowText" lastClr="000000"/>
            </a:solidFill>
          </a:endParaRPr>
        </a:p>
      </dsp:txBody>
      <dsp:txXfrm>
        <a:off x="7800374" y="4936495"/>
        <a:ext cx="1834873" cy="940429"/>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208B9D-5B84-4A53-8BD1-061C482929AE}">
      <dsp:nvSpPr>
        <dsp:cNvPr id="0" name=""/>
        <dsp:cNvSpPr/>
      </dsp:nvSpPr>
      <dsp:spPr>
        <a:xfrm>
          <a:off x="4769236" y="850"/>
          <a:ext cx="1116944" cy="1116944"/>
        </a:xfrm>
        <a:prstGeom prst="ellipse">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Identify data needs</a:t>
          </a:r>
        </a:p>
      </dsp:txBody>
      <dsp:txXfrm>
        <a:off x="4932809" y="164423"/>
        <a:ext cx="789798" cy="789798"/>
      </dsp:txXfrm>
    </dsp:sp>
    <dsp:sp modelId="{E8FAE9D3-1392-4DA1-84B6-4CCB220C3BB8}">
      <dsp:nvSpPr>
        <dsp:cNvPr id="0" name=""/>
        <dsp:cNvSpPr/>
      </dsp:nvSpPr>
      <dsp:spPr>
        <a:xfrm rot="1080000">
          <a:off x="5968468" y="627126"/>
          <a:ext cx="296028" cy="376968"/>
        </a:xfrm>
        <a:prstGeom prst="rightArrow">
          <a:avLst>
            <a:gd name="adj1" fmla="val 60000"/>
            <a:gd name="adj2" fmla="val 50000"/>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5970641" y="688798"/>
        <a:ext cx="207220" cy="226180"/>
      </dsp:txXfrm>
    </dsp:sp>
    <dsp:sp modelId="{04EF35E1-6994-4CD2-A609-A995D5D54997}">
      <dsp:nvSpPr>
        <dsp:cNvPr id="0" name=""/>
        <dsp:cNvSpPr/>
      </dsp:nvSpPr>
      <dsp:spPr>
        <a:xfrm>
          <a:off x="6362721" y="518605"/>
          <a:ext cx="1116944" cy="1116944"/>
        </a:xfrm>
        <a:prstGeom prst="ellipse">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666750">
            <a:lnSpc>
              <a:spcPct val="90000"/>
            </a:lnSpc>
            <a:spcBef>
              <a:spcPct val="0"/>
            </a:spcBef>
            <a:spcAft>
              <a:spcPct val="35000"/>
            </a:spcAft>
            <a:buNone/>
          </a:pPr>
          <a:r>
            <a:rPr lang="en-US" sz="1500" kern="1200" dirty="0"/>
            <a:t>Create forms &amp; process</a:t>
          </a:r>
        </a:p>
      </dsp:txBody>
      <dsp:txXfrm>
        <a:off x="6526294" y="682178"/>
        <a:ext cx="789798" cy="789798"/>
      </dsp:txXfrm>
    </dsp:sp>
    <dsp:sp modelId="{62117C00-F47F-45BD-A88D-EC573CA4A872}">
      <dsp:nvSpPr>
        <dsp:cNvPr id="0" name=""/>
        <dsp:cNvSpPr/>
      </dsp:nvSpPr>
      <dsp:spPr>
        <a:xfrm rot="3240000">
          <a:off x="7260668" y="1559564"/>
          <a:ext cx="296028" cy="376968"/>
        </a:xfrm>
        <a:prstGeom prst="rightArrow">
          <a:avLst>
            <a:gd name="adj1" fmla="val 60000"/>
            <a:gd name="adj2" fmla="val 50000"/>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7278972" y="1599034"/>
        <a:ext cx="207220" cy="226180"/>
      </dsp:txXfrm>
    </dsp:sp>
    <dsp:sp modelId="{3D28F87A-A54F-4F9E-93D0-051E140E9CB8}">
      <dsp:nvSpPr>
        <dsp:cNvPr id="0" name=""/>
        <dsp:cNvSpPr/>
      </dsp:nvSpPr>
      <dsp:spPr>
        <a:xfrm>
          <a:off x="7347549" y="1874104"/>
          <a:ext cx="1116944" cy="1116944"/>
        </a:xfrm>
        <a:prstGeom prst="ellipse">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Test forms &amp; process</a:t>
          </a:r>
        </a:p>
      </dsp:txBody>
      <dsp:txXfrm>
        <a:off x="7511122" y="2037677"/>
        <a:ext cx="789798" cy="789798"/>
      </dsp:txXfrm>
    </dsp:sp>
    <dsp:sp modelId="{222EE20C-312F-49E9-A1FD-0D95FA7C24E1}">
      <dsp:nvSpPr>
        <dsp:cNvPr id="0" name=""/>
        <dsp:cNvSpPr/>
      </dsp:nvSpPr>
      <dsp:spPr>
        <a:xfrm rot="5400000">
          <a:off x="7758007" y="3073459"/>
          <a:ext cx="296028" cy="376968"/>
        </a:xfrm>
        <a:prstGeom prst="rightArrow">
          <a:avLst>
            <a:gd name="adj1" fmla="val 60000"/>
            <a:gd name="adj2" fmla="val 50000"/>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802411" y="3104449"/>
        <a:ext cx="207220" cy="226180"/>
      </dsp:txXfrm>
    </dsp:sp>
    <dsp:sp modelId="{9E72C8EC-FC87-45A1-81BD-5C62AFED15E0}">
      <dsp:nvSpPr>
        <dsp:cNvPr id="0" name=""/>
        <dsp:cNvSpPr/>
      </dsp:nvSpPr>
      <dsp:spPr>
        <a:xfrm>
          <a:off x="7347549" y="3549594"/>
          <a:ext cx="1116944" cy="1116944"/>
        </a:xfrm>
        <a:prstGeom prst="ellipse">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oll-out forms &amp; process</a:t>
          </a:r>
        </a:p>
      </dsp:txBody>
      <dsp:txXfrm>
        <a:off x="7511122" y="3713167"/>
        <a:ext cx="789798" cy="789798"/>
      </dsp:txXfrm>
    </dsp:sp>
    <dsp:sp modelId="{4172FDB8-FD75-44E6-B636-F169466EA6F2}">
      <dsp:nvSpPr>
        <dsp:cNvPr id="0" name=""/>
        <dsp:cNvSpPr/>
      </dsp:nvSpPr>
      <dsp:spPr>
        <a:xfrm rot="7560000">
          <a:off x="7270518" y="4590553"/>
          <a:ext cx="296028" cy="376968"/>
        </a:xfrm>
        <a:prstGeom prst="rightArrow">
          <a:avLst>
            <a:gd name="adj1" fmla="val 60000"/>
            <a:gd name="adj2" fmla="val 50000"/>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7341022" y="4630023"/>
        <a:ext cx="207220" cy="226180"/>
      </dsp:txXfrm>
    </dsp:sp>
    <dsp:sp modelId="{C5FBF30B-7429-4704-90D2-4454965FD314}">
      <dsp:nvSpPr>
        <dsp:cNvPr id="0" name=""/>
        <dsp:cNvSpPr/>
      </dsp:nvSpPr>
      <dsp:spPr>
        <a:xfrm>
          <a:off x="6362721" y="4905093"/>
          <a:ext cx="1116944" cy="1116944"/>
        </a:xfrm>
        <a:prstGeom prst="ellipse">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ollect data</a:t>
          </a:r>
        </a:p>
      </dsp:txBody>
      <dsp:txXfrm>
        <a:off x="6526294" y="5068666"/>
        <a:ext cx="789798" cy="789798"/>
      </dsp:txXfrm>
    </dsp:sp>
    <dsp:sp modelId="{9BDCB39E-9B45-4116-ADAB-0FEE6C6B1C4B}">
      <dsp:nvSpPr>
        <dsp:cNvPr id="0" name=""/>
        <dsp:cNvSpPr/>
      </dsp:nvSpPr>
      <dsp:spPr>
        <a:xfrm rot="9720000">
          <a:off x="5984405" y="5531369"/>
          <a:ext cx="296028" cy="376968"/>
        </a:xfrm>
        <a:prstGeom prst="rightArrow">
          <a:avLst>
            <a:gd name="adj1" fmla="val 60000"/>
            <a:gd name="adj2" fmla="val 50000"/>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6071040" y="5593041"/>
        <a:ext cx="207220" cy="226180"/>
      </dsp:txXfrm>
    </dsp:sp>
    <dsp:sp modelId="{72DBBB8A-A9D2-4A5B-A5A3-76FDD3B65AE9}">
      <dsp:nvSpPr>
        <dsp:cNvPr id="0" name=""/>
        <dsp:cNvSpPr/>
      </dsp:nvSpPr>
      <dsp:spPr>
        <a:xfrm>
          <a:off x="4769236" y="5422847"/>
          <a:ext cx="1116944" cy="1116944"/>
        </a:xfrm>
        <a:prstGeom prst="ellipse">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Enter data into system</a:t>
          </a:r>
        </a:p>
      </dsp:txBody>
      <dsp:txXfrm>
        <a:off x="4932809" y="5586420"/>
        <a:ext cx="789798" cy="789798"/>
      </dsp:txXfrm>
    </dsp:sp>
    <dsp:sp modelId="{5C8BDD24-6C65-47C3-86C6-768CD8448650}">
      <dsp:nvSpPr>
        <dsp:cNvPr id="0" name=""/>
        <dsp:cNvSpPr/>
      </dsp:nvSpPr>
      <dsp:spPr>
        <a:xfrm rot="11880000">
          <a:off x="4390920" y="5536547"/>
          <a:ext cx="296028" cy="376968"/>
        </a:xfrm>
        <a:prstGeom prst="rightArrow">
          <a:avLst>
            <a:gd name="adj1" fmla="val 60000"/>
            <a:gd name="adj2" fmla="val 50000"/>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4477555" y="5625663"/>
        <a:ext cx="207220" cy="226180"/>
      </dsp:txXfrm>
    </dsp:sp>
    <dsp:sp modelId="{35D7121D-85F0-4E7F-8752-D7A676C355D2}">
      <dsp:nvSpPr>
        <dsp:cNvPr id="0" name=""/>
        <dsp:cNvSpPr/>
      </dsp:nvSpPr>
      <dsp:spPr>
        <a:xfrm>
          <a:off x="3175752" y="4905093"/>
          <a:ext cx="1116944" cy="1116944"/>
        </a:xfrm>
        <a:prstGeom prst="ellipse">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Validate data</a:t>
          </a:r>
        </a:p>
      </dsp:txBody>
      <dsp:txXfrm>
        <a:off x="3339325" y="5068666"/>
        <a:ext cx="789798" cy="789798"/>
      </dsp:txXfrm>
    </dsp:sp>
    <dsp:sp modelId="{3A8E9418-1B85-41DA-A8B4-76F2AEC9B2DE}">
      <dsp:nvSpPr>
        <dsp:cNvPr id="0" name=""/>
        <dsp:cNvSpPr/>
      </dsp:nvSpPr>
      <dsp:spPr>
        <a:xfrm rot="14040000">
          <a:off x="3098720" y="4604109"/>
          <a:ext cx="296028" cy="376968"/>
        </a:xfrm>
        <a:prstGeom prst="rightArrow">
          <a:avLst>
            <a:gd name="adj1" fmla="val 60000"/>
            <a:gd name="adj2" fmla="val 50000"/>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3169224" y="4715427"/>
        <a:ext cx="207220" cy="226180"/>
      </dsp:txXfrm>
    </dsp:sp>
    <dsp:sp modelId="{1A417AE2-7DCE-4A5B-AA84-E44756AEBA25}">
      <dsp:nvSpPr>
        <dsp:cNvPr id="0" name=""/>
        <dsp:cNvSpPr/>
      </dsp:nvSpPr>
      <dsp:spPr>
        <a:xfrm>
          <a:off x="2190924" y="3549594"/>
          <a:ext cx="1116944" cy="1116944"/>
        </a:xfrm>
        <a:prstGeom prst="ellipse">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Manage data in MIS</a:t>
          </a:r>
        </a:p>
      </dsp:txBody>
      <dsp:txXfrm>
        <a:off x="2354497" y="3713167"/>
        <a:ext cx="789798" cy="789798"/>
      </dsp:txXfrm>
    </dsp:sp>
    <dsp:sp modelId="{7DA4E6F5-5F82-4992-89FB-9A13017CE0DB}">
      <dsp:nvSpPr>
        <dsp:cNvPr id="0" name=""/>
        <dsp:cNvSpPr/>
      </dsp:nvSpPr>
      <dsp:spPr>
        <a:xfrm rot="16200000">
          <a:off x="2678740" y="3231796"/>
          <a:ext cx="141311" cy="376968"/>
        </a:xfrm>
        <a:prstGeom prst="rightArrow">
          <a:avLst>
            <a:gd name="adj1" fmla="val 60000"/>
            <a:gd name="adj2" fmla="val 50000"/>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699937" y="3328387"/>
        <a:ext cx="98918" cy="226180"/>
      </dsp:txXfrm>
    </dsp:sp>
    <dsp:sp modelId="{CDB41F4F-688C-4490-B89A-F947556A62B7}">
      <dsp:nvSpPr>
        <dsp:cNvPr id="0" name=""/>
        <dsp:cNvSpPr/>
      </dsp:nvSpPr>
      <dsp:spPr>
        <a:xfrm>
          <a:off x="1839567" y="1582185"/>
          <a:ext cx="1819658" cy="1700781"/>
        </a:xfrm>
        <a:prstGeom prst="ellipse">
          <a:avLst/>
        </a:prstGeom>
        <a:solidFill>
          <a:schemeClr val="accent1"/>
        </a:soli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Share information</a:t>
          </a:r>
        </a:p>
      </dsp:txBody>
      <dsp:txXfrm>
        <a:off x="2106050" y="1831259"/>
        <a:ext cx="1286692" cy="1202633"/>
      </dsp:txXfrm>
    </dsp:sp>
    <dsp:sp modelId="{EFB7B187-C31B-40AD-BE1E-5BA7F7DB24E7}">
      <dsp:nvSpPr>
        <dsp:cNvPr id="0" name=""/>
        <dsp:cNvSpPr/>
      </dsp:nvSpPr>
      <dsp:spPr>
        <a:xfrm rot="18360000">
          <a:off x="3265495" y="1443496"/>
          <a:ext cx="131136" cy="376968"/>
        </a:xfrm>
        <a:prstGeom prst="rightArrow">
          <a:avLst>
            <a:gd name="adj1" fmla="val 60000"/>
            <a:gd name="adj2" fmla="val 50000"/>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3273603" y="1534804"/>
        <a:ext cx="91795" cy="226180"/>
      </dsp:txXfrm>
    </dsp:sp>
    <dsp:sp modelId="{34E71618-BC08-4DDB-8255-A70153FCCC66}">
      <dsp:nvSpPr>
        <dsp:cNvPr id="0" name=""/>
        <dsp:cNvSpPr/>
      </dsp:nvSpPr>
      <dsp:spPr>
        <a:xfrm>
          <a:off x="3175752" y="518605"/>
          <a:ext cx="1116944" cy="1116944"/>
        </a:xfrm>
        <a:prstGeom prst="ellipse">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Facilitate data use</a:t>
          </a:r>
        </a:p>
      </dsp:txBody>
      <dsp:txXfrm>
        <a:off x="3339325" y="682178"/>
        <a:ext cx="789798" cy="789798"/>
      </dsp:txXfrm>
    </dsp:sp>
    <dsp:sp modelId="{837037DB-FD11-48C1-8969-B6A62613B709}">
      <dsp:nvSpPr>
        <dsp:cNvPr id="0" name=""/>
        <dsp:cNvSpPr/>
      </dsp:nvSpPr>
      <dsp:spPr>
        <a:xfrm rot="20520000">
          <a:off x="4374984" y="632304"/>
          <a:ext cx="296028" cy="376968"/>
        </a:xfrm>
        <a:prstGeom prst="rightArrow">
          <a:avLst>
            <a:gd name="adj1" fmla="val 60000"/>
            <a:gd name="adj2" fmla="val 50000"/>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4377157" y="721420"/>
        <a:ext cx="207220" cy="226180"/>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884A2A-8E53-4112-9DE3-DE230261DD52}">
      <dsp:nvSpPr>
        <dsp:cNvPr id="0" name=""/>
        <dsp:cNvSpPr/>
      </dsp:nvSpPr>
      <dsp:spPr>
        <a:xfrm>
          <a:off x="3581954" y="0"/>
          <a:ext cx="2064990" cy="5561463"/>
        </a:xfrm>
        <a:prstGeom prst="roundRect">
          <a:avLst>
            <a:gd name="adj" fmla="val 10000"/>
          </a:avLst>
        </a:prstGeom>
        <a:solidFill>
          <a:schemeClr val="accent2"/>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Outcomes:</a:t>
          </a:r>
        </a:p>
      </dsp:txBody>
      <dsp:txXfrm>
        <a:off x="3581954" y="0"/>
        <a:ext cx="2064990" cy="1668438"/>
      </dsp:txXfrm>
    </dsp:sp>
    <dsp:sp modelId="{13418BFB-9BC6-43E7-B451-A2DFE3D84DD6}">
      <dsp:nvSpPr>
        <dsp:cNvPr id="0" name=""/>
        <dsp:cNvSpPr/>
      </dsp:nvSpPr>
      <dsp:spPr>
        <a:xfrm>
          <a:off x="1254912" y="0"/>
          <a:ext cx="2064990" cy="5561463"/>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Objective: </a:t>
          </a:r>
          <a:endParaRPr lang="en-US" sz="1400" kern="1200" dirty="0">
            <a:ln>
              <a:noFill/>
            </a:ln>
            <a:solidFill>
              <a:sysClr val="windowText" lastClr="000000"/>
            </a:solidFill>
          </a:endParaRPr>
        </a:p>
      </dsp:txBody>
      <dsp:txXfrm>
        <a:off x="1254912" y="0"/>
        <a:ext cx="2064990" cy="1668438"/>
      </dsp:txXfrm>
    </dsp:sp>
    <dsp:sp modelId="{A20A70B0-9FDE-4579-9A85-88B02A2E608A}">
      <dsp:nvSpPr>
        <dsp:cNvPr id="0" name=""/>
        <dsp:cNvSpPr/>
      </dsp:nvSpPr>
      <dsp:spPr>
        <a:xfrm>
          <a:off x="1426896" y="3176157"/>
          <a:ext cx="1720825" cy="655128"/>
        </a:xfrm>
        <a:prstGeom prst="roundRect">
          <a:avLst>
            <a:gd name="adj" fmla="val 10000"/>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Functional &amp; Useful M&amp;E System</a:t>
          </a:r>
          <a:endParaRPr lang="en-US" sz="1400" kern="1200" dirty="0">
            <a:ln>
              <a:noFill/>
            </a:ln>
            <a:solidFill>
              <a:sysClr val="windowText" lastClr="000000"/>
            </a:solidFill>
          </a:endParaRPr>
        </a:p>
      </dsp:txBody>
      <dsp:txXfrm>
        <a:off x="1446084" y="3195345"/>
        <a:ext cx="1682449" cy="616752"/>
      </dsp:txXfrm>
    </dsp:sp>
    <dsp:sp modelId="{FF4E8691-E350-43B3-9083-FEECBB2340A4}">
      <dsp:nvSpPr>
        <dsp:cNvPr id="0" name=""/>
        <dsp:cNvSpPr/>
      </dsp:nvSpPr>
      <dsp:spPr>
        <a:xfrm rot="17514574">
          <a:off x="2638683" y="2739722"/>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2709721"/>
        <a:ext cx="81204" cy="81204"/>
      </dsp:txXfrm>
    </dsp:sp>
    <dsp:sp modelId="{8B3DDF95-FC0E-4373-B5A0-B87C85C7A039}">
      <dsp:nvSpPr>
        <dsp:cNvPr id="0" name=""/>
        <dsp:cNvSpPr/>
      </dsp:nvSpPr>
      <dsp:spPr>
        <a:xfrm>
          <a:off x="3753742" y="166936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1. Data Demand</a:t>
          </a:r>
        </a:p>
      </dsp:txBody>
      <dsp:txXfrm>
        <a:off x="3772930" y="1688550"/>
        <a:ext cx="1682449" cy="616752"/>
      </dsp:txXfrm>
    </dsp:sp>
    <dsp:sp modelId="{7478AFD0-B581-4ADB-876A-5D930E53F2A1}">
      <dsp:nvSpPr>
        <dsp:cNvPr id="0" name=""/>
        <dsp:cNvSpPr/>
      </dsp:nvSpPr>
      <dsp:spPr>
        <a:xfrm rot="18528756">
          <a:off x="2967289" y="3116421"/>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102850"/>
        <a:ext cx="48344" cy="48344"/>
      </dsp:txXfrm>
    </dsp:sp>
    <dsp:sp modelId="{743F437C-4266-4108-8546-DA92D068993A}">
      <dsp:nvSpPr>
        <dsp:cNvPr id="0" name=""/>
        <dsp:cNvSpPr/>
      </dsp:nvSpPr>
      <dsp:spPr>
        <a:xfrm>
          <a:off x="3753742" y="2422759"/>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2. Data Collection,  Processing, Management</a:t>
          </a:r>
        </a:p>
      </dsp:txBody>
      <dsp:txXfrm>
        <a:off x="3772930" y="2441947"/>
        <a:ext cx="1682449" cy="616752"/>
      </dsp:txXfrm>
    </dsp:sp>
    <dsp:sp modelId="{23A7F13A-1775-4D8F-844E-4C3A76CDAC5B}">
      <dsp:nvSpPr>
        <dsp:cNvPr id="0" name=""/>
        <dsp:cNvSpPr/>
      </dsp:nvSpPr>
      <dsp:spPr>
        <a:xfrm>
          <a:off x="3147722" y="3493119"/>
          <a:ext cx="606019" cy="21203"/>
        </a:xfrm>
        <a:custGeom>
          <a:avLst/>
          <a:gdLst/>
          <a:ahLst/>
          <a:cxnLst/>
          <a:rect l="0" t="0" r="0" b="0"/>
          <a:pathLst>
            <a:path>
              <a:moveTo>
                <a:pt x="0" y="10601"/>
              </a:moveTo>
              <a:lnTo>
                <a:pt x="606019"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35581" y="3488571"/>
        <a:ext cx="30300" cy="30300"/>
      </dsp:txXfrm>
    </dsp:sp>
    <dsp:sp modelId="{359DA775-31E6-4460-81E4-2ED2A585CC24}">
      <dsp:nvSpPr>
        <dsp:cNvPr id="0" name=""/>
        <dsp:cNvSpPr/>
      </dsp:nvSpPr>
      <dsp:spPr>
        <a:xfrm>
          <a:off x="3753742" y="3176157"/>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3. Information Availability</a:t>
          </a:r>
        </a:p>
      </dsp:txBody>
      <dsp:txXfrm>
        <a:off x="3772930" y="3195345"/>
        <a:ext cx="1682449" cy="616752"/>
      </dsp:txXfrm>
    </dsp:sp>
    <dsp:sp modelId="{B19B6641-C57C-4094-86BB-60F65D018E15}">
      <dsp:nvSpPr>
        <dsp:cNvPr id="0" name=""/>
        <dsp:cNvSpPr/>
      </dsp:nvSpPr>
      <dsp:spPr>
        <a:xfrm rot="3071244">
          <a:off x="2967289" y="3869818"/>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856248"/>
        <a:ext cx="48344" cy="48344"/>
      </dsp:txXfrm>
    </dsp:sp>
    <dsp:sp modelId="{664546CA-B3A7-4293-B38E-E812B13A4847}">
      <dsp:nvSpPr>
        <dsp:cNvPr id="0" name=""/>
        <dsp:cNvSpPr/>
      </dsp:nvSpPr>
      <dsp:spPr>
        <a:xfrm>
          <a:off x="3753742" y="3929555"/>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4. Information Use</a:t>
          </a:r>
        </a:p>
      </dsp:txBody>
      <dsp:txXfrm>
        <a:off x="3772930" y="3948743"/>
        <a:ext cx="1682449" cy="616752"/>
      </dsp:txXfrm>
    </dsp:sp>
    <dsp:sp modelId="{DBA7C561-2618-4FE5-90B6-A993EEB1077D}">
      <dsp:nvSpPr>
        <dsp:cNvPr id="0" name=""/>
        <dsp:cNvSpPr/>
      </dsp:nvSpPr>
      <dsp:spPr>
        <a:xfrm rot="4085426">
          <a:off x="2638683" y="4246517"/>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4216516"/>
        <a:ext cx="81204" cy="81204"/>
      </dsp:txXfrm>
    </dsp:sp>
    <dsp:sp modelId="{E15B6777-549E-4BDC-90CE-3F57DDBD6452}">
      <dsp:nvSpPr>
        <dsp:cNvPr id="0" name=""/>
        <dsp:cNvSpPr/>
      </dsp:nvSpPr>
      <dsp:spPr>
        <a:xfrm>
          <a:off x="3753742" y="468295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5. Administer M&amp;E Activities</a:t>
          </a:r>
        </a:p>
      </dsp:txBody>
      <dsp:txXfrm>
        <a:off x="3772930" y="4702140"/>
        <a:ext cx="1682449" cy="616752"/>
      </dsp:txXfrm>
    </dsp:sp>
  </dsp:spTree>
</dsp:drawing>
</file>

<file path=ppt/diagrams/drawing1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208B9D-5B84-4A53-8BD1-061C482929AE}">
      <dsp:nvSpPr>
        <dsp:cNvPr id="0" name=""/>
        <dsp:cNvSpPr/>
      </dsp:nvSpPr>
      <dsp:spPr>
        <a:xfrm>
          <a:off x="4593558" y="850"/>
          <a:ext cx="1116944" cy="1116944"/>
        </a:xfrm>
        <a:prstGeom prst="ellipse">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Identify data needs</a:t>
          </a:r>
        </a:p>
      </dsp:txBody>
      <dsp:txXfrm>
        <a:off x="4757131" y="164423"/>
        <a:ext cx="789798" cy="789798"/>
      </dsp:txXfrm>
    </dsp:sp>
    <dsp:sp modelId="{E8FAE9D3-1392-4DA1-84B6-4CCB220C3BB8}">
      <dsp:nvSpPr>
        <dsp:cNvPr id="0" name=""/>
        <dsp:cNvSpPr/>
      </dsp:nvSpPr>
      <dsp:spPr>
        <a:xfrm rot="1080000">
          <a:off x="5792790" y="627126"/>
          <a:ext cx="296028" cy="376968"/>
        </a:xfrm>
        <a:prstGeom prst="rightArrow">
          <a:avLst>
            <a:gd name="adj1" fmla="val 60000"/>
            <a:gd name="adj2" fmla="val 50000"/>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5794963" y="688798"/>
        <a:ext cx="207220" cy="226180"/>
      </dsp:txXfrm>
    </dsp:sp>
    <dsp:sp modelId="{04EF35E1-6994-4CD2-A609-A995D5D54997}">
      <dsp:nvSpPr>
        <dsp:cNvPr id="0" name=""/>
        <dsp:cNvSpPr/>
      </dsp:nvSpPr>
      <dsp:spPr>
        <a:xfrm>
          <a:off x="6187043" y="518605"/>
          <a:ext cx="1116944" cy="1116944"/>
        </a:xfrm>
        <a:prstGeom prst="ellipse">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666750">
            <a:lnSpc>
              <a:spcPct val="90000"/>
            </a:lnSpc>
            <a:spcBef>
              <a:spcPct val="0"/>
            </a:spcBef>
            <a:spcAft>
              <a:spcPct val="35000"/>
            </a:spcAft>
            <a:buNone/>
          </a:pPr>
          <a:r>
            <a:rPr lang="en-US" sz="1500" kern="1200" dirty="0"/>
            <a:t>Create forms &amp; process</a:t>
          </a:r>
        </a:p>
      </dsp:txBody>
      <dsp:txXfrm>
        <a:off x="6350616" y="682178"/>
        <a:ext cx="789798" cy="789798"/>
      </dsp:txXfrm>
    </dsp:sp>
    <dsp:sp modelId="{62117C00-F47F-45BD-A88D-EC573CA4A872}">
      <dsp:nvSpPr>
        <dsp:cNvPr id="0" name=""/>
        <dsp:cNvSpPr/>
      </dsp:nvSpPr>
      <dsp:spPr>
        <a:xfrm rot="3240000">
          <a:off x="7084990" y="1559564"/>
          <a:ext cx="296028" cy="376968"/>
        </a:xfrm>
        <a:prstGeom prst="rightArrow">
          <a:avLst>
            <a:gd name="adj1" fmla="val 60000"/>
            <a:gd name="adj2" fmla="val 50000"/>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7103294" y="1599034"/>
        <a:ext cx="207220" cy="226180"/>
      </dsp:txXfrm>
    </dsp:sp>
    <dsp:sp modelId="{3D28F87A-A54F-4F9E-93D0-051E140E9CB8}">
      <dsp:nvSpPr>
        <dsp:cNvPr id="0" name=""/>
        <dsp:cNvSpPr/>
      </dsp:nvSpPr>
      <dsp:spPr>
        <a:xfrm>
          <a:off x="7171871" y="1874104"/>
          <a:ext cx="1116944" cy="1116944"/>
        </a:xfrm>
        <a:prstGeom prst="ellipse">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Test forms &amp; process</a:t>
          </a:r>
        </a:p>
      </dsp:txBody>
      <dsp:txXfrm>
        <a:off x="7335444" y="2037677"/>
        <a:ext cx="789798" cy="789798"/>
      </dsp:txXfrm>
    </dsp:sp>
    <dsp:sp modelId="{222EE20C-312F-49E9-A1FD-0D95FA7C24E1}">
      <dsp:nvSpPr>
        <dsp:cNvPr id="0" name=""/>
        <dsp:cNvSpPr/>
      </dsp:nvSpPr>
      <dsp:spPr>
        <a:xfrm rot="5400000">
          <a:off x="7582328" y="3073459"/>
          <a:ext cx="296028" cy="376968"/>
        </a:xfrm>
        <a:prstGeom prst="rightArrow">
          <a:avLst>
            <a:gd name="adj1" fmla="val 60000"/>
            <a:gd name="adj2" fmla="val 50000"/>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626732" y="3104449"/>
        <a:ext cx="207220" cy="226180"/>
      </dsp:txXfrm>
    </dsp:sp>
    <dsp:sp modelId="{9E72C8EC-FC87-45A1-81BD-5C62AFED15E0}">
      <dsp:nvSpPr>
        <dsp:cNvPr id="0" name=""/>
        <dsp:cNvSpPr/>
      </dsp:nvSpPr>
      <dsp:spPr>
        <a:xfrm>
          <a:off x="7171871" y="3549594"/>
          <a:ext cx="1116944" cy="1116944"/>
        </a:xfrm>
        <a:prstGeom prst="ellipse">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oll-out forms &amp; process</a:t>
          </a:r>
        </a:p>
      </dsp:txBody>
      <dsp:txXfrm>
        <a:off x="7335444" y="3713167"/>
        <a:ext cx="789798" cy="789798"/>
      </dsp:txXfrm>
    </dsp:sp>
    <dsp:sp modelId="{4172FDB8-FD75-44E6-B636-F169466EA6F2}">
      <dsp:nvSpPr>
        <dsp:cNvPr id="0" name=""/>
        <dsp:cNvSpPr/>
      </dsp:nvSpPr>
      <dsp:spPr>
        <a:xfrm rot="7560000">
          <a:off x="7094839" y="4590553"/>
          <a:ext cx="296028" cy="376968"/>
        </a:xfrm>
        <a:prstGeom prst="rightArrow">
          <a:avLst>
            <a:gd name="adj1" fmla="val 60000"/>
            <a:gd name="adj2" fmla="val 50000"/>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7165343" y="4630023"/>
        <a:ext cx="207220" cy="226180"/>
      </dsp:txXfrm>
    </dsp:sp>
    <dsp:sp modelId="{C5FBF30B-7429-4704-90D2-4454965FD314}">
      <dsp:nvSpPr>
        <dsp:cNvPr id="0" name=""/>
        <dsp:cNvSpPr/>
      </dsp:nvSpPr>
      <dsp:spPr>
        <a:xfrm>
          <a:off x="6187043" y="4905093"/>
          <a:ext cx="1116944" cy="1116944"/>
        </a:xfrm>
        <a:prstGeom prst="ellipse">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ollect data</a:t>
          </a:r>
        </a:p>
      </dsp:txBody>
      <dsp:txXfrm>
        <a:off x="6350616" y="5068666"/>
        <a:ext cx="789798" cy="789798"/>
      </dsp:txXfrm>
    </dsp:sp>
    <dsp:sp modelId="{9BDCB39E-9B45-4116-ADAB-0FEE6C6B1C4B}">
      <dsp:nvSpPr>
        <dsp:cNvPr id="0" name=""/>
        <dsp:cNvSpPr/>
      </dsp:nvSpPr>
      <dsp:spPr>
        <a:xfrm rot="9720000">
          <a:off x="5808726" y="5531369"/>
          <a:ext cx="296028" cy="376968"/>
        </a:xfrm>
        <a:prstGeom prst="rightArrow">
          <a:avLst>
            <a:gd name="adj1" fmla="val 60000"/>
            <a:gd name="adj2" fmla="val 50000"/>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5895361" y="5593041"/>
        <a:ext cx="207220" cy="226180"/>
      </dsp:txXfrm>
    </dsp:sp>
    <dsp:sp modelId="{72DBBB8A-A9D2-4A5B-A5A3-76FDD3B65AE9}">
      <dsp:nvSpPr>
        <dsp:cNvPr id="0" name=""/>
        <dsp:cNvSpPr/>
      </dsp:nvSpPr>
      <dsp:spPr>
        <a:xfrm>
          <a:off x="4593558" y="5422847"/>
          <a:ext cx="1116944" cy="1116944"/>
        </a:xfrm>
        <a:prstGeom prst="ellipse">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Enter data into system</a:t>
          </a:r>
        </a:p>
      </dsp:txBody>
      <dsp:txXfrm>
        <a:off x="4757131" y="5586420"/>
        <a:ext cx="789798" cy="789798"/>
      </dsp:txXfrm>
    </dsp:sp>
    <dsp:sp modelId="{5C8BDD24-6C65-47C3-86C6-768CD8448650}">
      <dsp:nvSpPr>
        <dsp:cNvPr id="0" name=""/>
        <dsp:cNvSpPr/>
      </dsp:nvSpPr>
      <dsp:spPr>
        <a:xfrm rot="11880000">
          <a:off x="4215241" y="5536547"/>
          <a:ext cx="296028" cy="376968"/>
        </a:xfrm>
        <a:prstGeom prst="rightArrow">
          <a:avLst>
            <a:gd name="adj1" fmla="val 60000"/>
            <a:gd name="adj2" fmla="val 50000"/>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4301876" y="5625663"/>
        <a:ext cx="207220" cy="226180"/>
      </dsp:txXfrm>
    </dsp:sp>
    <dsp:sp modelId="{35D7121D-85F0-4E7F-8752-D7A676C355D2}">
      <dsp:nvSpPr>
        <dsp:cNvPr id="0" name=""/>
        <dsp:cNvSpPr/>
      </dsp:nvSpPr>
      <dsp:spPr>
        <a:xfrm>
          <a:off x="3000073" y="4905093"/>
          <a:ext cx="1116944" cy="1116944"/>
        </a:xfrm>
        <a:prstGeom prst="ellipse">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Validate data</a:t>
          </a:r>
        </a:p>
      </dsp:txBody>
      <dsp:txXfrm>
        <a:off x="3163646" y="5068666"/>
        <a:ext cx="789798" cy="789798"/>
      </dsp:txXfrm>
    </dsp:sp>
    <dsp:sp modelId="{3A8E9418-1B85-41DA-A8B4-76F2AEC9B2DE}">
      <dsp:nvSpPr>
        <dsp:cNvPr id="0" name=""/>
        <dsp:cNvSpPr/>
      </dsp:nvSpPr>
      <dsp:spPr>
        <a:xfrm rot="14040000">
          <a:off x="2923041" y="4604109"/>
          <a:ext cx="296028" cy="376968"/>
        </a:xfrm>
        <a:prstGeom prst="rightArrow">
          <a:avLst>
            <a:gd name="adj1" fmla="val 60000"/>
            <a:gd name="adj2" fmla="val 50000"/>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2993545" y="4715427"/>
        <a:ext cx="207220" cy="226180"/>
      </dsp:txXfrm>
    </dsp:sp>
    <dsp:sp modelId="{1A417AE2-7DCE-4A5B-AA84-E44756AEBA25}">
      <dsp:nvSpPr>
        <dsp:cNvPr id="0" name=""/>
        <dsp:cNvSpPr/>
      </dsp:nvSpPr>
      <dsp:spPr>
        <a:xfrm>
          <a:off x="2015245" y="3549594"/>
          <a:ext cx="1116944" cy="1116944"/>
        </a:xfrm>
        <a:prstGeom prst="ellipse">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Manage data in MIS</a:t>
          </a:r>
        </a:p>
      </dsp:txBody>
      <dsp:txXfrm>
        <a:off x="2178818" y="3713167"/>
        <a:ext cx="789798" cy="789798"/>
      </dsp:txXfrm>
    </dsp:sp>
    <dsp:sp modelId="{7DA4E6F5-5F82-4992-89FB-9A13017CE0DB}">
      <dsp:nvSpPr>
        <dsp:cNvPr id="0" name=""/>
        <dsp:cNvSpPr/>
      </dsp:nvSpPr>
      <dsp:spPr>
        <a:xfrm rot="16200000">
          <a:off x="2425703" y="3090215"/>
          <a:ext cx="296028" cy="376968"/>
        </a:xfrm>
        <a:prstGeom prst="rightArrow">
          <a:avLst>
            <a:gd name="adj1" fmla="val 60000"/>
            <a:gd name="adj2" fmla="val 50000"/>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470107" y="3210013"/>
        <a:ext cx="207220" cy="226180"/>
      </dsp:txXfrm>
    </dsp:sp>
    <dsp:sp modelId="{CDB41F4F-688C-4490-B89A-F947556A62B7}">
      <dsp:nvSpPr>
        <dsp:cNvPr id="0" name=""/>
        <dsp:cNvSpPr/>
      </dsp:nvSpPr>
      <dsp:spPr>
        <a:xfrm>
          <a:off x="2015245" y="1874104"/>
          <a:ext cx="1116944" cy="1116944"/>
        </a:xfrm>
        <a:prstGeom prst="ellipse">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Share information</a:t>
          </a:r>
        </a:p>
      </dsp:txBody>
      <dsp:txXfrm>
        <a:off x="2178818" y="2037677"/>
        <a:ext cx="789798" cy="789798"/>
      </dsp:txXfrm>
    </dsp:sp>
    <dsp:sp modelId="{EFB7B187-C31B-40AD-BE1E-5BA7F7DB24E7}">
      <dsp:nvSpPr>
        <dsp:cNvPr id="0" name=""/>
        <dsp:cNvSpPr/>
      </dsp:nvSpPr>
      <dsp:spPr>
        <a:xfrm rot="18360000">
          <a:off x="2906946" y="1695194"/>
          <a:ext cx="131136" cy="376968"/>
        </a:xfrm>
        <a:prstGeom prst="rightArrow">
          <a:avLst>
            <a:gd name="adj1" fmla="val 60000"/>
            <a:gd name="adj2" fmla="val 50000"/>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2915054" y="1786502"/>
        <a:ext cx="91795" cy="226180"/>
      </dsp:txXfrm>
    </dsp:sp>
    <dsp:sp modelId="{34E71618-BC08-4DDB-8255-A70153FCCC66}">
      <dsp:nvSpPr>
        <dsp:cNvPr id="0" name=""/>
        <dsp:cNvSpPr/>
      </dsp:nvSpPr>
      <dsp:spPr>
        <a:xfrm>
          <a:off x="2648716" y="226686"/>
          <a:ext cx="1819658" cy="1700781"/>
        </a:xfrm>
        <a:prstGeom prst="ellipse">
          <a:avLst/>
        </a:prstGeom>
        <a:solidFill>
          <a:schemeClr val="accent1"/>
        </a:soli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Facilitate data use</a:t>
          </a:r>
        </a:p>
      </dsp:txBody>
      <dsp:txXfrm>
        <a:off x="2915199" y="475760"/>
        <a:ext cx="1286692" cy="1202633"/>
      </dsp:txXfrm>
    </dsp:sp>
    <dsp:sp modelId="{837037DB-FD11-48C1-8969-B6A62613B709}">
      <dsp:nvSpPr>
        <dsp:cNvPr id="0" name=""/>
        <dsp:cNvSpPr/>
      </dsp:nvSpPr>
      <dsp:spPr>
        <a:xfrm rot="20520000">
          <a:off x="4459812" y="577378"/>
          <a:ext cx="113106" cy="376968"/>
        </a:xfrm>
        <a:prstGeom prst="rightArrow">
          <a:avLst>
            <a:gd name="adj1" fmla="val 60000"/>
            <a:gd name="adj2" fmla="val 50000"/>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4460642" y="658015"/>
        <a:ext cx="79174" cy="226180"/>
      </dsp:txXfrm>
    </dsp:sp>
  </dsp:spTree>
</dsp:drawing>
</file>

<file path=ppt/diagrams/drawing1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F2299EB-4019-4DA9-A552-3C5A2ED3A1B2}">
      <dsp:nvSpPr>
        <dsp:cNvPr id="0" name=""/>
        <dsp:cNvSpPr/>
      </dsp:nvSpPr>
      <dsp:spPr>
        <a:xfrm>
          <a:off x="0" y="4619808"/>
          <a:ext cx="6991688" cy="985937"/>
        </a:xfrm>
        <a:prstGeom prst="roundRect">
          <a:avLst>
            <a:gd name="adj" fmla="val 10000"/>
          </a:avLst>
        </a:prstGeom>
        <a:solidFill>
          <a:schemeClr val="accent6">
            <a:tint val="40000"/>
            <a:hueOff val="0"/>
            <a:satOff val="0"/>
            <a:lumOff val="0"/>
            <a:alphaOff val="0"/>
          </a:schemeClr>
        </a:solidFill>
        <a:ln>
          <a:noFill/>
        </a:ln>
        <a:effectLst>
          <a:outerShdw blurRad="38100" dist="25400" dir="5400000" rotWithShape="0">
            <a:srgbClr val="000000">
              <a:alpha val="25000"/>
            </a:srgbClr>
          </a:outerShdw>
        </a:effectLst>
      </dsp:spPr>
      <dsp:style>
        <a:lnRef idx="0">
          <a:scrgbClr r="0" g="0" b="0"/>
        </a:lnRef>
        <a:fillRef idx="1">
          <a:scrgbClr r="0" g="0" b="0"/>
        </a:fillRef>
        <a:effectRef idx="2">
          <a:scrgbClr r="0" g="0" b="0"/>
        </a:effectRef>
        <a:fontRef idx="minor"/>
      </dsp:style>
      <dsp:txBody>
        <a:bodyPr spcFirstLastPara="0" vert="horz" wrap="square" lIns="163576" tIns="163576" rIns="163576" bIns="163576" numCol="1" spcCol="1270" anchor="ctr" anchorCtr="0">
          <a:noAutofit/>
        </a:bodyPr>
        <a:lstStyle/>
        <a:p>
          <a:pPr marL="0" lvl="0" indent="0" algn="ctr" defTabSz="1022350">
            <a:lnSpc>
              <a:spcPct val="90000"/>
            </a:lnSpc>
            <a:spcBef>
              <a:spcPct val="0"/>
            </a:spcBef>
            <a:spcAft>
              <a:spcPct val="35000"/>
            </a:spcAft>
            <a:buNone/>
          </a:pPr>
          <a:r>
            <a:rPr lang="en-US" sz="2300" kern="1200" dirty="0"/>
            <a:t>Village Office</a:t>
          </a:r>
        </a:p>
      </dsp:txBody>
      <dsp:txXfrm>
        <a:off x="4894181" y="4619808"/>
        <a:ext cx="2097506" cy="985937"/>
      </dsp:txXfrm>
    </dsp:sp>
    <dsp:sp modelId="{A88C1D27-9CB6-448C-B480-1EE722BDC899}">
      <dsp:nvSpPr>
        <dsp:cNvPr id="0" name=""/>
        <dsp:cNvSpPr/>
      </dsp:nvSpPr>
      <dsp:spPr>
        <a:xfrm>
          <a:off x="0" y="3469548"/>
          <a:ext cx="6991688" cy="985937"/>
        </a:xfrm>
        <a:prstGeom prst="roundRect">
          <a:avLst>
            <a:gd name="adj" fmla="val 10000"/>
          </a:avLst>
        </a:prstGeom>
        <a:solidFill>
          <a:schemeClr val="accent6">
            <a:tint val="40000"/>
            <a:hueOff val="0"/>
            <a:satOff val="0"/>
            <a:lumOff val="0"/>
            <a:alphaOff val="0"/>
          </a:schemeClr>
        </a:solidFill>
        <a:ln>
          <a:noFill/>
        </a:ln>
        <a:effectLst>
          <a:outerShdw blurRad="38100" dist="25400" dir="5400000" rotWithShape="0">
            <a:srgbClr val="000000">
              <a:alpha val="25000"/>
            </a:srgbClr>
          </a:outerShdw>
        </a:effectLst>
      </dsp:spPr>
      <dsp:style>
        <a:lnRef idx="0">
          <a:scrgbClr r="0" g="0" b="0"/>
        </a:lnRef>
        <a:fillRef idx="1">
          <a:scrgbClr r="0" g="0" b="0"/>
        </a:fillRef>
        <a:effectRef idx="2">
          <a:scrgbClr r="0" g="0" b="0"/>
        </a:effectRef>
        <a:fontRef idx="minor"/>
      </dsp:style>
      <dsp:txBody>
        <a:bodyPr spcFirstLastPara="0" vert="horz" wrap="square" lIns="163576" tIns="163576" rIns="163576" bIns="163576" numCol="1" spcCol="1270" anchor="ctr" anchorCtr="0">
          <a:noAutofit/>
        </a:bodyPr>
        <a:lstStyle/>
        <a:p>
          <a:pPr marL="0" lvl="0" indent="0" algn="ctr" defTabSz="1022350">
            <a:lnSpc>
              <a:spcPct val="90000"/>
            </a:lnSpc>
            <a:spcBef>
              <a:spcPct val="0"/>
            </a:spcBef>
            <a:spcAft>
              <a:spcPct val="35000"/>
            </a:spcAft>
            <a:buNone/>
          </a:pPr>
          <a:r>
            <a:rPr lang="en-US" sz="2300" kern="1200" dirty="0"/>
            <a:t>District Office</a:t>
          </a:r>
        </a:p>
      </dsp:txBody>
      <dsp:txXfrm>
        <a:off x="4894181" y="3469548"/>
        <a:ext cx="2097506" cy="985937"/>
      </dsp:txXfrm>
    </dsp:sp>
    <dsp:sp modelId="{5FD80EB4-7E9B-41C8-ABB5-F035654D4CCE}">
      <dsp:nvSpPr>
        <dsp:cNvPr id="0" name=""/>
        <dsp:cNvSpPr/>
      </dsp:nvSpPr>
      <dsp:spPr>
        <a:xfrm>
          <a:off x="0" y="2319287"/>
          <a:ext cx="6991688" cy="985937"/>
        </a:xfrm>
        <a:prstGeom prst="roundRect">
          <a:avLst>
            <a:gd name="adj" fmla="val 10000"/>
          </a:avLst>
        </a:prstGeom>
        <a:solidFill>
          <a:schemeClr val="accent6">
            <a:tint val="40000"/>
            <a:hueOff val="0"/>
            <a:satOff val="0"/>
            <a:lumOff val="0"/>
            <a:alphaOff val="0"/>
          </a:schemeClr>
        </a:solidFill>
        <a:ln>
          <a:noFill/>
        </a:ln>
        <a:effectLst>
          <a:outerShdw blurRad="38100" dist="25400" dir="5400000" rotWithShape="0">
            <a:srgbClr val="000000">
              <a:alpha val="25000"/>
            </a:srgbClr>
          </a:outerShdw>
        </a:effectLst>
      </dsp:spPr>
      <dsp:style>
        <a:lnRef idx="0">
          <a:scrgbClr r="0" g="0" b="0"/>
        </a:lnRef>
        <a:fillRef idx="1">
          <a:scrgbClr r="0" g="0" b="0"/>
        </a:fillRef>
        <a:effectRef idx="2">
          <a:scrgbClr r="0" g="0" b="0"/>
        </a:effectRef>
        <a:fontRef idx="minor"/>
      </dsp:style>
      <dsp:txBody>
        <a:bodyPr spcFirstLastPara="0" vert="horz" wrap="square" lIns="163576" tIns="163576" rIns="163576" bIns="163576" numCol="1" spcCol="1270" anchor="ctr" anchorCtr="0">
          <a:noAutofit/>
        </a:bodyPr>
        <a:lstStyle/>
        <a:p>
          <a:pPr marL="0" lvl="0" indent="0" algn="ctr" defTabSz="1022350">
            <a:lnSpc>
              <a:spcPct val="90000"/>
            </a:lnSpc>
            <a:spcBef>
              <a:spcPct val="0"/>
            </a:spcBef>
            <a:spcAft>
              <a:spcPct val="35000"/>
            </a:spcAft>
            <a:buNone/>
          </a:pPr>
          <a:r>
            <a:rPr lang="en-US" sz="2300" kern="1200" dirty="0"/>
            <a:t>Regional Office</a:t>
          </a:r>
        </a:p>
      </dsp:txBody>
      <dsp:txXfrm>
        <a:off x="4894181" y="2319287"/>
        <a:ext cx="2097506" cy="985937"/>
      </dsp:txXfrm>
    </dsp:sp>
    <dsp:sp modelId="{3BA91E51-18BD-43DB-9229-7E89324D8E7E}">
      <dsp:nvSpPr>
        <dsp:cNvPr id="0" name=""/>
        <dsp:cNvSpPr/>
      </dsp:nvSpPr>
      <dsp:spPr>
        <a:xfrm>
          <a:off x="0" y="1169027"/>
          <a:ext cx="6991688" cy="985937"/>
        </a:xfrm>
        <a:prstGeom prst="roundRect">
          <a:avLst>
            <a:gd name="adj" fmla="val 10000"/>
          </a:avLst>
        </a:prstGeom>
        <a:solidFill>
          <a:schemeClr val="accent6">
            <a:tint val="40000"/>
            <a:hueOff val="0"/>
            <a:satOff val="0"/>
            <a:lumOff val="0"/>
            <a:alphaOff val="0"/>
          </a:schemeClr>
        </a:solidFill>
        <a:ln>
          <a:noFill/>
        </a:ln>
        <a:effectLst>
          <a:outerShdw blurRad="38100" dist="25400" dir="5400000" rotWithShape="0">
            <a:srgbClr val="000000">
              <a:alpha val="25000"/>
            </a:srgbClr>
          </a:outerShdw>
        </a:effectLst>
      </dsp:spPr>
      <dsp:style>
        <a:lnRef idx="0">
          <a:scrgbClr r="0" g="0" b="0"/>
        </a:lnRef>
        <a:fillRef idx="1">
          <a:scrgbClr r="0" g="0" b="0"/>
        </a:fillRef>
        <a:effectRef idx="2">
          <a:scrgbClr r="0" g="0" b="0"/>
        </a:effectRef>
        <a:fontRef idx="minor"/>
      </dsp:style>
      <dsp:txBody>
        <a:bodyPr spcFirstLastPara="0" vert="horz" wrap="square" lIns="163576" tIns="163576" rIns="163576" bIns="163576" numCol="1" spcCol="1270" anchor="ctr" anchorCtr="0">
          <a:noAutofit/>
        </a:bodyPr>
        <a:lstStyle/>
        <a:p>
          <a:pPr marL="0" lvl="0" indent="0" algn="ctr" defTabSz="1022350">
            <a:lnSpc>
              <a:spcPct val="90000"/>
            </a:lnSpc>
            <a:spcBef>
              <a:spcPct val="0"/>
            </a:spcBef>
            <a:spcAft>
              <a:spcPct val="35000"/>
            </a:spcAft>
            <a:buNone/>
          </a:pPr>
          <a:r>
            <a:rPr lang="en-US" sz="2300" kern="1200" dirty="0"/>
            <a:t>Kathmandu Office</a:t>
          </a:r>
        </a:p>
      </dsp:txBody>
      <dsp:txXfrm>
        <a:off x="4894181" y="1169027"/>
        <a:ext cx="2097506" cy="985937"/>
      </dsp:txXfrm>
    </dsp:sp>
    <dsp:sp modelId="{31E733F2-D771-4CCD-9953-E0E2854A2ED8}">
      <dsp:nvSpPr>
        <dsp:cNvPr id="0" name=""/>
        <dsp:cNvSpPr/>
      </dsp:nvSpPr>
      <dsp:spPr>
        <a:xfrm>
          <a:off x="0" y="18767"/>
          <a:ext cx="6991688" cy="985937"/>
        </a:xfrm>
        <a:prstGeom prst="roundRect">
          <a:avLst>
            <a:gd name="adj" fmla="val 10000"/>
          </a:avLst>
        </a:prstGeom>
        <a:solidFill>
          <a:schemeClr val="accent6">
            <a:tint val="40000"/>
            <a:hueOff val="0"/>
            <a:satOff val="0"/>
            <a:lumOff val="0"/>
            <a:alphaOff val="0"/>
          </a:schemeClr>
        </a:solidFill>
        <a:ln>
          <a:noFill/>
        </a:ln>
        <a:effectLst>
          <a:outerShdw blurRad="38100" dist="25400" dir="5400000" rotWithShape="0">
            <a:srgbClr val="000000">
              <a:alpha val="25000"/>
            </a:srgbClr>
          </a:outerShdw>
        </a:effectLst>
      </dsp:spPr>
      <dsp:style>
        <a:lnRef idx="0">
          <a:scrgbClr r="0" g="0" b="0"/>
        </a:lnRef>
        <a:fillRef idx="1">
          <a:scrgbClr r="0" g="0" b="0"/>
        </a:fillRef>
        <a:effectRef idx="2">
          <a:scrgbClr r="0" g="0" b="0"/>
        </a:effectRef>
        <a:fontRef idx="minor"/>
      </dsp:style>
      <dsp:txBody>
        <a:bodyPr spcFirstLastPara="0" vert="horz" wrap="square" lIns="163576" tIns="163576" rIns="163576" bIns="163576" numCol="1" spcCol="1270" anchor="ctr" anchorCtr="0">
          <a:noAutofit/>
        </a:bodyPr>
        <a:lstStyle/>
        <a:p>
          <a:pPr marL="0" lvl="0" indent="0" algn="ctr" defTabSz="1022350">
            <a:lnSpc>
              <a:spcPct val="90000"/>
            </a:lnSpc>
            <a:spcBef>
              <a:spcPct val="0"/>
            </a:spcBef>
            <a:spcAft>
              <a:spcPct val="35000"/>
            </a:spcAft>
            <a:buNone/>
          </a:pPr>
          <a:endParaRPr lang="en-US" sz="2300" kern="1200" dirty="0"/>
        </a:p>
      </dsp:txBody>
      <dsp:txXfrm>
        <a:off x="4894181" y="18767"/>
        <a:ext cx="2097506" cy="985937"/>
      </dsp:txXfrm>
    </dsp:sp>
    <dsp:sp modelId="{5B62E30A-3D21-437C-B3C7-0DFFD3DB4BDA}">
      <dsp:nvSpPr>
        <dsp:cNvPr id="0" name=""/>
        <dsp:cNvSpPr/>
      </dsp:nvSpPr>
      <dsp:spPr>
        <a:xfrm>
          <a:off x="1900796" y="10092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COP</a:t>
          </a:r>
        </a:p>
      </dsp:txBody>
      <dsp:txXfrm>
        <a:off x="1924860" y="124993"/>
        <a:ext cx="1184293" cy="773486"/>
      </dsp:txXfrm>
    </dsp:sp>
    <dsp:sp modelId="{DDB7A282-2AE3-40C2-9E0F-3A28A2228E76}">
      <dsp:nvSpPr>
        <dsp:cNvPr id="0" name=""/>
        <dsp:cNvSpPr/>
      </dsp:nvSpPr>
      <dsp:spPr>
        <a:xfrm>
          <a:off x="2517007" y="922543"/>
          <a:ext cx="1602148" cy="328645"/>
        </a:xfrm>
        <a:custGeom>
          <a:avLst/>
          <a:gdLst/>
          <a:ahLst/>
          <a:cxnLst/>
          <a:rect l="0" t="0" r="0" b="0"/>
          <a:pathLst>
            <a:path>
              <a:moveTo>
                <a:pt x="0" y="0"/>
              </a:moveTo>
              <a:lnTo>
                <a:pt x="0" y="164322"/>
              </a:lnTo>
              <a:lnTo>
                <a:pt x="1602148" y="164322"/>
              </a:lnTo>
              <a:lnTo>
                <a:pt x="1602148" y="328645"/>
              </a:lnTo>
            </a:path>
          </a:pathLst>
        </a:custGeom>
        <a:noFill/>
        <a:ln w="15875" cap="rnd" cmpd="sng" algn="ctr">
          <a:solidFill>
            <a:schemeClr val="accent6">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3190B843-024F-4C02-8C49-F9E785CC4C39}">
      <dsp:nvSpPr>
        <dsp:cNvPr id="0" name=""/>
        <dsp:cNvSpPr/>
      </dsp:nvSpPr>
      <dsp:spPr>
        <a:xfrm>
          <a:off x="3502944" y="125118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MEL Manager &amp; Team</a:t>
          </a:r>
        </a:p>
      </dsp:txBody>
      <dsp:txXfrm>
        <a:off x="3527008" y="1275253"/>
        <a:ext cx="1184293" cy="773486"/>
      </dsp:txXfrm>
    </dsp:sp>
    <dsp:sp modelId="{7E1CACAD-DFCC-438E-8CBA-DF50F37C0C16}">
      <dsp:nvSpPr>
        <dsp:cNvPr id="0" name=""/>
        <dsp:cNvSpPr/>
      </dsp:nvSpPr>
      <dsp:spPr>
        <a:xfrm>
          <a:off x="4073435" y="207280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61E3EB84-9BB5-4114-AC2B-12A59E718D37}">
      <dsp:nvSpPr>
        <dsp:cNvPr id="0" name=""/>
        <dsp:cNvSpPr/>
      </dsp:nvSpPr>
      <dsp:spPr>
        <a:xfrm>
          <a:off x="3502944" y="240144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Regional &amp; District MEL Staff</a:t>
          </a:r>
        </a:p>
      </dsp:txBody>
      <dsp:txXfrm>
        <a:off x="3527008" y="2425513"/>
        <a:ext cx="1184293" cy="773486"/>
      </dsp:txXfrm>
    </dsp:sp>
    <dsp:sp modelId="{A85B2C9E-9E6C-4B86-A7A3-9642AFEA8B22}">
      <dsp:nvSpPr>
        <dsp:cNvPr id="0" name=""/>
        <dsp:cNvSpPr/>
      </dsp:nvSpPr>
      <dsp:spPr>
        <a:xfrm>
          <a:off x="4073435" y="322306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4DE06B98-4994-46CD-83BC-AC2E4C108D2E}">
      <dsp:nvSpPr>
        <dsp:cNvPr id="0" name=""/>
        <dsp:cNvSpPr/>
      </dsp:nvSpPr>
      <dsp:spPr>
        <a:xfrm>
          <a:off x="3502944" y="355170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a:t>District MEL Staff</a:t>
          </a:r>
          <a:endParaRPr lang="en-US" sz="1300" kern="1200" dirty="0"/>
        </a:p>
      </dsp:txBody>
      <dsp:txXfrm>
        <a:off x="3527008" y="3575773"/>
        <a:ext cx="1184293" cy="773486"/>
      </dsp:txXfrm>
    </dsp:sp>
    <dsp:sp modelId="{09123D12-A00E-4CD7-91AC-D20560A77BDB}">
      <dsp:nvSpPr>
        <dsp:cNvPr id="0" name=""/>
        <dsp:cNvSpPr/>
      </dsp:nvSpPr>
      <dsp:spPr>
        <a:xfrm>
          <a:off x="2471287" y="922543"/>
          <a:ext cx="91440" cy="328645"/>
        </a:xfrm>
        <a:custGeom>
          <a:avLst/>
          <a:gdLst/>
          <a:ahLst/>
          <a:cxnLst/>
          <a:rect l="0" t="0" r="0" b="0"/>
          <a:pathLst>
            <a:path>
              <a:moveTo>
                <a:pt x="45720" y="0"/>
              </a:moveTo>
              <a:lnTo>
                <a:pt x="45720" y="328645"/>
              </a:lnTo>
            </a:path>
          </a:pathLst>
        </a:custGeom>
        <a:noFill/>
        <a:ln w="15875" cap="rnd" cmpd="sng" algn="ctr">
          <a:solidFill>
            <a:schemeClr val="accent6">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839BBE5-568F-4EE3-8631-EF744FFA6492}">
      <dsp:nvSpPr>
        <dsp:cNvPr id="0" name=""/>
        <dsp:cNvSpPr/>
      </dsp:nvSpPr>
      <dsp:spPr>
        <a:xfrm>
          <a:off x="1900796" y="125118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Resilience Program Coordinator</a:t>
          </a:r>
        </a:p>
      </dsp:txBody>
      <dsp:txXfrm>
        <a:off x="1924860" y="1275253"/>
        <a:ext cx="1184293" cy="773486"/>
      </dsp:txXfrm>
    </dsp:sp>
    <dsp:sp modelId="{B472D21E-80E3-486A-8376-18490C464E5C}">
      <dsp:nvSpPr>
        <dsp:cNvPr id="0" name=""/>
        <dsp:cNvSpPr/>
      </dsp:nvSpPr>
      <dsp:spPr>
        <a:xfrm>
          <a:off x="2471287" y="207280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D72F6AE-335D-4557-8101-82B073889DD9}">
      <dsp:nvSpPr>
        <dsp:cNvPr id="0" name=""/>
        <dsp:cNvSpPr/>
      </dsp:nvSpPr>
      <dsp:spPr>
        <a:xfrm>
          <a:off x="1900796" y="240144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Regional Field Coordinators</a:t>
          </a:r>
        </a:p>
      </dsp:txBody>
      <dsp:txXfrm>
        <a:off x="1924860" y="2425513"/>
        <a:ext cx="1184293" cy="773486"/>
      </dsp:txXfrm>
    </dsp:sp>
    <dsp:sp modelId="{930F4CEA-A8B0-427F-81F2-EB174845ED54}">
      <dsp:nvSpPr>
        <dsp:cNvPr id="0" name=""/>
        <dsp:cNvSpPr/>
      </dsp:nvSpPr>
      <dsp:spPr>
        <a:xfrm>
          <a:off x="2471287" y="322306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8B5F300-A0A7-434B-AC15-2844F9281FF1}">
      <dsp:nvSpPr>
        <dsp:cNvPr id="0" name=""/>
        <dsp:cNvSpPr/>
      </dsp:nvSpPr>
      <dsp:spPr>
        <a:xfrm>
          <a:off x="1900796" y="355170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District Coordinators</a:t>
          </a:r>
        </a:p>
      </dsp:txBody>
      <dsp:txXfrm>
        <a:off x="1924860" y="3575773"/>
        <a:ext cx="1184293" cy="773486"/>
      </dsp:txXfrm>
    </dsp:sp>
    <dsp:sp modelId="{307B57C9-30F6-4568-9937-4E9C4C5F2227}">
      <dsp:nvSpPr>
        <dsp:cNvPr id="0" name=""/>
        <dsp:cNvSpPr/>
      </dsp:nvSpPr>
      <dsp:spPr>
        <a:xfrm>
          <a:off x="914859" y="922543"/>
          <a:ext cx="1602148" cy="328645"/>
        </a:xfrm>
        <a:custGeom>
          <a:avLst/>
          <a:gdLst/>
          <a:ahLst/>
          <a:cxnLst/>
          <a:rect l="0" t="0" r="0" b="0"/>
          <a:pathLst>
            <a:path>
              <a:moveTo>
                <a:pt x="1602148" y="0"/>
              </a:moveTo>
              <a:lnTo>
                <a:pt x="1602148" y="164322"/>
              </a:lnTo>
              <a:lnTo>
                <a:pt x="0" y="164322"/>
              </a:lnTo>
              <a:lnTo>
                <a:pt x="0" y="328645"/>
              </a:lnTo>
            </a:path>
          </a:pathLst>
        </a:custGeom>
        <a:noFill/>
        <a:ln w="15875" cap="rnd" cmpd="sng" algn="ctr">
          <a:solidFill>
            <a:schemeClr val="accent6">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6C2D193-1C58-41B5-BC6B-1A048137FBEF}">
      <dsp:nvSpPr>
        <dsp:cNvPr id="0" name=""/>
        <dsp:cNvSpPr/>
      </dsp:nvSpPr>
      <dsp:spPr>
        <a:xfrm>
          <a:off x="298648" y="125118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Program Managers</a:t>
          </a:r>
        </a:p>
      </dsp:txBody>
      <dsp:txXfrm>
        <a:off x="322712" y="1275253"/>
        <a:ext cx="1184293" cy="773486"/>
      </dsp:txXfrm>
    </dsp:sp>
    <dsp:sp modelId="{3572146F-389A-468C-919F-BD62CFCAA9A9}">
      <dsp:nvSpPr>
        <dsp:cNvPr id="0" name=""/>
        <dsp:cNvSpPr/>
      </dsp:nvSpPr>
      <dsp:spPr>
        <a:xfrm>
          <a:off x="869139" y="207280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835CC5AD-F52E-4A55-8D17-DCAAEC3C5835}">
      <dsp:nvSpPr>
        <dsp:cNvPr id="0" name=""/>
        <dsp:cNvSpPr/>
      </dsp:nvSpPr>
      <dsp:spPr>
        <a:xfrm>
          <a:off x="298648" y="240144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Regional  Sector Officers</a:t>
          </a:r>
        </a:p>
      </dsp:txBody>
      <dsp:txXfrm>
        <a:off x="322712" y="2425513"/>
        <a:ext cx="1184293" cy="773486"/>
      </dsp:txXfrm>
    </dsp:sp>
    <dsp:sp modelId="{FAE069E2-91A0-48D2-A4C2-F1DF35B7BF87}">
      <dsp:nvSpPr>
        <dsp:cNvPr id="0" name=""/>
        <dsp:cNvSpPr/>
      </dsp:nvSpPr>
      <dsp:spPr>
        <a:xfrm>
          <a:off x="869139" y="322306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D7A3D5B0-F840-4F05-AEBB-97C657FE836B}">
      <dsp:nvSpPr>
        <dsp:cNvPr id="0" name=""/>
        <dsp:cNvSpPr/>
      </dsp:nvSpPr>
      <dsp:spPr>
        <a:xfrm>
          <a:off x="298648" y="355170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District Technical Officers</a:t>
          </a:r>
        </a:p>
      </dsp:txBody>
      <dsp:txXfrm>
        <a:off x="322712" y="3575773"/>
        <a:ext cx="1184293" cy="773486"/>
      </dsp:txXfrm>
    </dsp:sp>
    <dsp:sp modelId="{E846C24E-AC13-4B51-89D5-1443157A37DF}">
      <dsp:nvSpPr>
        <dsp:cNvPr id="0" name=""/>
        <dsp:cNvSpPr/>
      </dsp:nvSpPr>
      <dsp:spPr>
        <a:xfrm>
          <a:off x="869139" y="4373323"/>
          <a:ext cx="91440" cy="328645"/>
        </a:xfrm>
        <a:custGeom>
          <a:avLst/>
          <a:gdLst/>
          <a:ahLst/>
          <a:cxnLst/>
          <a:rect l="0" t="0" r="0" b="0"/>
          <a:pathLst>
            <a:path>
              <a:moveTo>
                <a:pt x="45720" y="0"/>
              </a:moveTo>
              <a:lnTo>
                <a:pt x="45720" y="328645"/>
              </a:lnTo>
            </a:path>
          </a:pathLst>
        </a:custGeom>
        <a:noFill/>
        <a:ln w="15875" cap="rnd" cmpd="sng" algn="ctr">
          <a:solidFill>
            <a:schemeClr val="accent6">
              <a:shade val="8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CC0F69F3-F0E1-490D-A4BC-A8317A9B9BBF}">
      <dsp:nvSpPr>
        <dsp:cNvPr id="0" name=""/>
        <dsp:cNvSpPr/>
      </dsp:nvSpPr>
      <dsp:spPr>
        <a:xfrm>
          <a:off x="298648" y="4701969"/>
          <a:ext cx="1232421" cy="821614"/>
        </a:xfrm>
        <a:prstGeom prst="roundRect">
          <a:avLst>
            <a:gd name="adj" fmla="val 10000"/>
          </a:avLst>
        </a:prstGeom>
        <a:gradFill rotWithShape="0">
          <a:gsLst>
            <a:gs pos="0">
              <a:schemeClr val="lt1">
                <a:hueOff val="0"/>
                <a:satOff val="0"/>
                <a:lumOff val="0"/>
                <a:alphaOff val="0"/>
                <a:tint val="96000"/>
                <a:lumMod val="104000"/>
              </a:schemeClr>
            </a:gs>
            <a:gs pos="100000">
              <a:schemeClr val="lt1">
                <a:hueOff val="0"/>
                <a:satOff val="0"/>
                <a:lumOff val="0"/>
                <a:alphaOff val="0"/>
                <a:shade val="98000"/>
                <a:lumMod val="94000"/>
              </a:schemeClr>
            </a:gs>
          </a:gsLst>
          <a:lin ang="5400000" scaled="0"/>
        </a:gradFill>
        <a:ln>
          <a:noFill/>
        </a:ln>
        <a:effectLst>
          <a:outerShdw blurRad="50800" dist="38100" dir="5400000" rotWithShape="0">
            <a:srgbClr val="000000">
              <a:alpha val="60000"/>
            </a:srgbClr>
          </a:outerShdw>
        </a:effectLst>
      </dsp:spPr>
      <dsp:style>
        <a:lnRef idx="0">
          <a:scrgbClr r="0" g="0" b="0"/>
        </a:lnRef>
        <a:fillRef idx="3">
          <a:scrgbClr r="0" g="0" b="0"/>
        </a:fillRef>
        <a:effectRef idx="3">
          <a:scrgbClr r="0" g="0" b="0"/>
        </a:effectRef>
        <a:fontRef idx="minor">
          <a:schemeClr val="lt1"/>
        </a:fontRef>
      </dsp:style>
      <dsp:txBody>
        <a:bodyPr spcFirstLastPara="0" vert="horz" wrap="square" lIns="49530" tIns="49530" rIns="49530" bIns="49530" numCol="1" spcCol="1270" anchor="ctr" anchorCtr="0">
          <a:noAutofit/>
        </a:bodyPr>
        <a:lstStyle/>
        <a:p>
          <a:pPr marL="0" lvl="0" indent="0" algn="ctr" defTabSz="577850">
            <a:lnSpc>
              <a:spcPct val="90000"/>
            </a:lnSpc>
            <a:spcBef>
              <a:spcPct val="0"/>
            </a:spcBef>
            <a:spcAft>
              <a:spcPct val="35000"/>
            </a:spcAft>
            <a:buNone/>
          </a:pPr>
          <a:r>
            <a:rPr lang="en-US" sz="1300" kern="1200" dirty="0"/>
            <a:t>Extension Officers</a:t>
          </a:r>
        </a:p>
      </dsp:txBody>
      <dsp:txXfrm>
        <a:off x="322712" y="4726033"/>
        <a:ext cx="1184293" cy="773486"/>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208B9D-5B84-4A53-8BD1-061C482929AE}">
      <dsp:nvSpPr>
        <dsp:cNvPr id="0" name=""/>
        <dsp:cNvSpPr/>
      </dsp:nvSpPr>
      <dsp:spPr>
        <a:xfrm>
          <a:off x="4593558" y="850"/>
          <a:ext cx="1116944" cy="1116944"/>
        </a:xfrm>
        <a:prstGeom prst="ellipse">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Identify data needs</a:t>
          </a:r>
        </a:p>
      </dsp:txBody>
      <dsp:txXfrm>
        <a:off x="4757131" y="164423"/>
        <a:ext cx="789798" cy="789798"/>
      </dsp:txXfrm>
    </dsp:sp>
    <dsp:sp modelId="{E8FAE9D3-1392-4DA1-84B6-4CCB220C3BB8}">
      <dsp:nvSpPr>
        <dsp:cNvPr id="0" name=""/>
        <dsp:cNvSpPr/>
      </dsp:nvSpPr>
      <dsp:spPr>
        <a:xfrm rot="1080000">
          <a:off x="5792790" y="627126"/>
          <a:ext cx="296028" cy="376968"/>
        </a:xfrm>
        <a:prstGeom prst="rightArrow">
          <a:avLst>
            <a:gd name="adj1" fmla="val 60000"/>
            <a:gd name="adj2" fmla="val 50000"/>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5794963" y="688798"/>
        <a:ext cx="207220" cy="226180"/>
      </dsp:txXfrm>
    </dsp:sp>
    <dsp:sp modelId="{4209AC67-8E4C-4312-AD4A-E7747A1C1EDB}">
      <dsp:nvSpPr>
        <dsp:cNvPr id="0" name=""/>
        <dsp:cNvSpPr/>
      </dsp:nvSpPr>
      <dsp:spPr>
        <a:xfrm>
          <a:off x="6187043" y="518605"/>
          <a:ext cx="1116944" cy="1116944"/>
        </a:xfrm>
        <a:prstGeom prst="ellipse">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reate forms &amp; process</a:t>
          </a:r>
        </a:p>
      </dsp:txBody>
      <dsp:txXfrm>
        <a:off x="6350616" y="682178"/>
        <a:ext cx="789798" cy="789798"/>
      </dsp:txXfrm>
    </dsp:sp>
    <dsp:sp modelId="{733E0EF0-1FA0-4F94-BEE8-461B892C9F99}">
      <dsp:nvSpPr>
        <dsp:cNvPr id="0" name=""/>
        <dsp:cNvSpPr/>
      </dsp:nvSpPr>
      <dsp:spPr>
        <a:xfrm rot="3240000">
          <a:off x="7084990" y="1559564"/>
          <a:ext cx="296028" cy="376968"/>
        </a:xfrm>
        <a:prstGeom prst="rightArrow">
          <a:avLst>
            <a:gd name="adj1" fmla="val 60000"/>
            <a:gd name="adj2" fmla="val 50000"/>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103294" y="1599034"/>
        <a:ext cx="207220" cy="226180"/>
      </dsp:txXfrm>
    </dsp:sp>
    <dsp:sp modelId="{3D28F87A-A54F-4F9E-93D0-051E140E9CB8}">
      <dsp:nvSpPr>
        <dsp:cNvPr id="0" name=""/>
        <dsp:cNvSpPr/>
      </dsp:nvSpPr>
      <dsp:spPr>
        <a:xfrm>
          <a:off x="7171871" y="1874104"/>
          <a:ext cx="1116944" cy="1116944"/>
        </a:xfrm>
        <a:prstGeom prst="ellipse">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Test forms &amp; process</a:t>
          </a:r>
        </a:p>
      </dsp:txBody>
      <dsp:txXfrm>
        <a:off x="7335444" y="2037677"/>
        <a:ext cx="789798" cy="789798"/>
      </dsp:txXfrm>
    </dsp:sp>
    <dsp:sp modelId="{222EE20C-312F-49E9-A1FD-0D95FA7C24E1}">
      <dsp:nvSpPr>
        <dsp:cNvPr id="0" name=""/>
        <dsp:cNvSpPr/>
      </dsp:nvSpPr>
      <dsp:spPr>
        <a:xfrm rot="5400000">
          <a:off x="7582328" y="3073459"/>
          <a:ext cx="296028" cy="376968"/>
        </a:xfrm>
        <a:prstGeom prst="rightArrow">
          <a:avLst>
            <a:gd name="adj1" fmla="val 60000"/>
            <a:gd name="adj2" fmla="val 50000"/>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626732" y="3104449"/>
        <a:ext cx="207220" cy="226180"/>
      </dsp:txXfrm>
    </dsp:sp>
    <dsp:sp modelId="{9E72C8EC-FC87-45A1-81BD-5C62AFED15E0}">
      <dsp:nvSpPr>
        <dsp:cNvPr id="0" name=""/>
        <dsp:cNvSpPr/>
      </dsp:nvSpPr>
      <dsp:spPr>
        <a:xfrm>
          <a:off x="7171871" y="3549594"/>
          <a:ext cx="1116944" cy="1116944"/>
        </a:xfrm>
        <a:prstGeom prst="ellipse">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oll-out forms &amp; process</a:t>
          </a:r>
        </a:p>
      </dsp:txBody>
      <dsp:txXfrm>
        <a:off x="7335444" y="3713167"/>
        <a:ext cx="789798" cy="789798"/>
      </dsp:txXfrm>
    </dsp:sp>
    <dsp:sp modelId="{4172FDB8-FD75-44E6-B636-F169466EA6F2}">
      <dsp:nvSpPr>
        <dsp:cNvPr id="0" name=""/>
        <dsp:cNvSpPr/>
      </dsp:nvSpPr>
      <dsp:spPr>
        <a:xfrm rot="7560000">
          <a:off x="7094839" y="4590553"/>
          <a:ext cx="296028" cy="376968"/>
        </a:xfrm>
        <a:prstGeom prst="rightArrow">
          <a:avLst>
            <a:gd name="adj1" fmla="val 60000"/>
            <a:gd name="adj2" fmla="val 50000"/>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7165343" y="4630023"/>
        <a:ext cx="207220" cy="226180"/>
      </dsp:txXfrm>
    </dsp:sp>
    <dsp:sp modelId="{C5FBF30B-7429-4704-90D2-4454965FD314}">
      <dsp:nvSpPr>
        <dsp:cNvPr id="0" name=""/>
        <dsp:cNvSpPr/>
      </dsp:nvSpPr>
      <dsp:spPr>
        <a:xfrm>
          <a:off x="6187043" y="4905093"/>
          <a:ext cx="1116944" cy="1116944"/>
        </a:xfrm>
        <a:prstGeom prst="ellipse">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ollect data</a:t>
          </a:r>
        </a:p>
      </dsp:txBody>
      <dsp:txXfrm>
        <a:off x="6350616" y="5068666"/>
        <a:ext cx="789798" cy="789798"/>
      </dsp:txXfrm>
    </dsp:sp>
    <dsp:sp modelId="{9BDCB39E-9B45-4116-ADAB-0FEE6C6B1C4B}">
      <dsp:nvSpPr>
        <dsp:cNvPr id="0" name=""/>
        <dsp:cNvSpPr/>
      </dsp:nvSpPr>
      <dsp:spPr>
        <a:xfrm rot="9720000">
          <a:off x="5808726" y="5531369"/>
          <a:ext cx="296028" cy="376968"/>
        </a:xfrm>
        <a:prstGeom prst="rightArrow">
          <a:avLst>
            <a:gd name="adj1" fmla="val 60000"/>
            <a:gd name="adj2" fmla="val 50000"/>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5895361" y="5593041"/>
        <a:ext cx="207220" cy="226180"/>
      </dsp:txXfrm>
    </dsp:sp>
    <dsp:sp modelId="{72DBBB8A-A9D2-4A5B-A5A3-76FDD3B65AE9}">
      <dsp:nvSpPr>
        <dsp:cNvPr id="0" name=""/>
        <dsp:cNvSpPr/>
      </dsp:nvSpPr>
      <dsp:spPr>
        <a:xfrm>
          <a:off x="4593558" y="5422847"/>
          <a:ext cx="1116944" cy="1116944"/>
        </a:xfrm>
        <a:prstGeom prst="ellipse">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Enter data into system</a:t>
          </a:r>
        </a:p>
      </dsp:txBody>
      <dsp:txXfrm>
        <a:off x="4757131" y="5586420"/>
        <a:ext cx="789798" cy="789798"/>
      </dsp:txXfrm>
    </dsp:sp>
    <dsp:sp modelId="{5C8BDD24-6C65-47C3-86C6-768CD8448650}">
      <dsp:nvSpPr>
        <dsp:cNvPr id="0" name=""/>
        <dsp:cNvSpPr/>
      </dsp:nvSpPr>
      <dsp:spPr>
        <a:xfrm rot="11880000">
          <a:off x="4215241" y="5536547"/>
          <a:ext cx="296028" cy="376968"/>
        </a:xfrm>
        <a:prstGeom prst="rightArrow">
          <a:avLst>
            <a:gd name="adj1" fmla="val 60000"/>
            <a:gd name="adj2" fmla="val 50000"/>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4301876" y="5625663"/>
        <a:ext cx="207220" cy="226180"/>
      </dsp:txXfrm>
    </dsp:sp>
    <dsp:sp modelId="{35D7121D-85F0-4E7F-8752-D7A676C355D2}">
      <dsp:nvSpPr>
        <dsp:cNvPr id="0" name=""/>
        <dsp:cNvSpPr/>
      </dsp:nvSpPr>
      <dsp:spPr>
        <a:xfrm>
          <a:off x="3000073" y="4905093"/>
          <a:ext cx="1116944" cy="1116944"/>
        </a:xfrm>
        <a:prstGeom prst="ellipse">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Validate data</a:t>
          </a:r>
        </a:p>
      </dsp:txBody>
      <dsp:txXfrm>
        <a:off x="3163646" y="5068666"/>
        <a:ext cx="789798" cy="789798"/>
      </dsp:txXfrm>
    </dsp:sp>
    <dsp:sp modelId="{3A8E9418-1B85-41DA-A8B4-76F2AEC9B2DE}">
      <dsp:nvSpPr>
        <dsp:cNvPr id="0" name=""/>
        <dsp:cNvSpPr/>
      </dsp:nvSpPr>
      <dsp:spPr>
        <a:xfrm rot="14040000">
          <a:off x="2923041" y="4604109"/>
          <a:ext cx="296028" cy="376968"/>
        </a:xfrm>
        <a:prstGeom prst="rightArrow">
          <a:avLst>
            <a:gd name="adj1" fmla="val 60000"/>
            <a:gd name="adj2" fmla="val 50000"/>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2993545" y="4715427"/>
        <a:ext cx="207220" cy="226180"/>
      </dsp:txXfrm>
    </dsp:sp>
    <dsp:sp modelId="{1A417AE2-7DCE-4A5B-AA84-E44756AEBA25}">
      <dsp:nvSpPr>
        <dsp:cNvPr id="0" name=""/>
        <dsp:cNvSpPr/>
      </dsp:nvSpPr>
      <dsp:spPr>
        <a:xfrm>
          <a:off x="2015245" y="3549594"/>
          <a:ext cx="1116944" cy="1116944"/>
        </a:xfrm>
        <a:prstGeom prst="ellipse">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Manage data in MIS</a:t>
          </a:r>
        </a:p>
      </dsp:txBody>
      <dsp:txXfrm>
        <a:off x="2178818" y="3713167"/>
        <a:ext cx="789798" cy="789798"/>
      </dsp:txXfrm>
    </dsp:sp>
    <dsp:sp modelId="{7DA4E6F5-5F82-4992-89FB-9A13017CE0DB}">
      <dsp:nvSpPr>
        <dsp:cNvPr id="0" name=""/>
        <dsp:cNvSpPr/>
      </dsp:nvSpPr>
      <dsp:spPr>
        <a:xfrm rot="16200000">
          <a:off x="2425703" y="3090215"/>
          <a:ext cx="296028" cy="376968"/>
        </a:xfrm>
        <a:prstGeom prst="rightArrow">
          <a:avLst>
            <a:gd name="adj1" fmla="val 60000"/>
            <a:gd name="adj2" fmla="val 50000"/>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470107" y="3210013"/>
        <a:ext cx="207220" cy="226180"/>
      </dsp:txXfrm>
    </dsp:sp>
    <dsp:sp modelId="{CDB41F4F-688C-4490-B89A-F947556A62B7}">
      <dsp:nvSpPr>
        <dsp:cNvPr id="0" name=""/>
        <dsp:cNvSpPr/>
      </dsp:nvSpPr>
      <dsp:spPr>
        <a:xfrm>
          <a:off x="2015245" y="1874104"/>
          <a:ext cx="1116944" cy="1116944"/>
        </a:xfrm>
        <a:prstGeom prst="ellipse">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Share information</a:t>
          </a:r>
        </a:p>
      </dsp:txBody>
      <dsp:txXfrm>
        <a:off x="2178818" y="2037677"/>
        <a:ext cx="789798" cy="789798"/>
      </dsp:txXfrm>
    </dsp:sp>
    <dsp:sp modelId="{EFB7B187-C31B-40AD-BE1E-5BA7F7DB24E7}">
      <dsp:nvSpPr>
        <dsp:cNvPr id="0" name=""/>
        <dsp:cNvSpPr/>
      </dsp:nvSpPr>
      <dsp:spPr>
        <a:xfrm rot="18360000">
          <a:off x="2913192" y="1573121"/>
          <a:ext cx="296028" cy="376968"/>
        </a:xfrm>
        <a:prstGeom prst="rightArrow">
          <a:avLst>
            <a:gd name="adj1" fmla="val 60000"/>
            <a:gd name="adj2" fmla="val 50000"/>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931496" y="1684439"/>
        <a:ext cx="207220" cy="226180"/>
      </dsp:txXfrm>
    </dsp:sp>
    <dsp:sp modelId="{34E71618-BC08-4DDB-8255-A70153FCCC66}">
      <dsp:nvSpPr>
        <dsp:cNvPr id="0" name=""/>
        <dsp:cNvSpPr/>
      </dsp:nvSpPr>
      <dsp:spPr>
        <a:xfrm>
          <a:off x="3000073" y="518605"/>
          <a:ext cx="1116944" cy="1116944"/>
        </a:xfrm>
        <a:prstGeom prst="ellipse">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Facilitate data use</a:t>
          </a:r>
        </a:p>
      </dsp:txBody>
      <dsp:txXfrm>
        <a:off x="3163646" y="682178"/>
        <a:ext cx="789798" cy="789798"/>
      </dsp:txXfrm>
    </dsp:sp>
    <dsp:sp modelId="{837037DB-FD11-48C1-8969-B6A62613B709}">
      <dsp:nvSpPr>
        <dsp:cNvPr id="0" name=""/>
        <dsp:cNvSpPr/>
      </dsp:nvSpPr>
      <dsp:spPr>
        <a:xfrm rot="20520000">
          <a:off x="4199305" y="632304"/>
          <a:ext cx="296028" cy="376968"/>
        </a:xfrm>
        <a:prstGeom prst="rightArrow">
          <a:avLst>
            <a:gd name="adj1" fmla="val 60000"/>
            <a:gd name="adj2" fmla="val 50000"/>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4201478" y="721420"/>
        <a:ext cx="207220" cy="226180"/>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884A2A-8E53-4112-9DE3-DE230261DD52}">
      <dsp:nvSpPr>
        <dsp:cNvPr id="0" name=""/>
        <dsp:cNvSpPr/>
      </dsp:nvSpPr>
      <dsp:spPr>
        <a:xfrm>
          <a:off x="3581954" y="0"/>
          <a:ext cx="2064990" cy="5561463"/>
        </a:xfrm>
        <a:prstGeom prst="roundRect">
          <a:avLst>
            <a:gd name="adj" fmla="val 10000"/>
          </a:avLst>
        </a:prstGeom>
        <a:solidFill>
          <a:schemeClr val="accent2"/>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Outcomes:</a:t>
          </a:r>
        </a:p>
      </dsp:txBody>
      <dsp:txXfrm>
        <a:off x="3581954" y="0"/>
        <a:ext cx="2064990" cy="1668438"/>
      </dsp:txXfrm>
    </dsp:sp>
    <dsp:sp modelId="{13418BFB-9BC6-43E7-B451-A2DFE3D84DD6}">
      <dsp:nvSpPr>
        <dsp:cNvPr id="0" name=""/>
        <dsp:cNvSpPr/>
      </dsp:nvSpPr>
      <dsp:spPr>
        <a:xfrm>
          <a:off x="1254912" y="0"/>
          <a:ext cx="2064990" cy="5561463"/>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Objective: </a:t>
          </a:r>
          <a:endParaRPr lang="en-US" sz="1400" kern="1200" dirty="0">
            <a:ln>
              <a:noFill/>
            </a:ln>
            <a:solidFill>
              <a:sysClr val="windowText" lastClr="000000"/>
            </a:solidFill>
          </a:endParaRPr>
        </a:p>
      </dsp:txBody>
      <dsp:txXfrm>
        <a:off x="1254912" y="0"/>
        <a:ext cx="2064990" cy="1668438"/>
      </dsp:txXfrm>
    </dsp:sp>
    <dsp:sp modelId="{A20A70B0-9FDE-4579-9A85-88B02A2E608A}">
      <dsp:nvSpPr>
        <dsp:cNvPr id="0" name=""/>
        <dsp:cNvSpPr/>
      </dsp:nvSpPr>
      <dsp:spPr>
        <a:xfrm>
          <a:off x="1426896" y="3176157"/>
          <a:ext cx="1720825" cy="655128"/>
        </a:xfrm>
        <a:prstGeom prst="roundRect">
          <a:avLst>
            <a:gd name="adj" fmla="val 10000"/>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Functional &amp; Useful M&amp;E System</a:t>
          </a:r>
          <a:endParaRPr lang="en-US" sz="1400" kern="1200" dirty="0">
            <a:ln>
              <a:noFill/>
            </a:ln>
            <a:solidFill>
              <a:sysClr val="windowText" lastClr="000000"/>
            </a:solidFill>
          </a:endParaRPr>
        </a:p>
      </dsp:txBody>
      <dsp:txXfrm>
        <a:off x="1446084" y="3195345"/>
        <a:ext cx="1682449" cy="616752"/>
      </dsp:txXfrm>
    </dsp:sp>
    <dsp:sp modelId="{FF4E8691-E350-43B3-9083-FEECBB2340A4}">
      <dsp:nvSpPr>
        <dsp:cNvPr id="0" name=""/>
        <dsp:cNvSpPr/>
      </dsp:nvSpPr>
      <dsp:spPr>
        <a:xfrm rot="17514574">
          <a:off x="2638683" y="2739722"/>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2709721"/>
        <a:ext cx="81204" cy="81204"/>
      </dsp:txXfrm>
    </dsp:sp>
    <dsp:sp modelId="{8B3DDF95-FC0E-4373-B5A0-B87C85C7A039}">
      <dsp:nvSpPr>
        <dsp:cNvPr id="0" name=""/>
        <dsp:cNvSpPr/>
      </dsp:nvSpPr>
      <dsp:spPr>
        <a:xfrm>
          <a:off x="3753742" y="166936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1. Data Demand</a:t>
          </a:r>
        </a:p>
      </dsp:txBody>
      <dsp:txXfrm>
        <a:off x="3772930" y="1688550"/>
        <a:ext cx="1682449" cy="616752"/>
      </dsp:txXfrm>
    </dsp:sp>
    <dsp:sp modelId="{7478AFD0-B581-4ADB-876A-5D930E53F2A1}">
      <dsp:nvSpPr>
        <dsp:cNvPr id="0" name=""/>
        <dsp:cNvSpPr/>
      </dsp:nvSpPr>
      <dsp:spPr>
        <a:xfrm rot="18528756">
          <a:off x="2967289" y="3116421"/>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102850"/>
        <a:ext cx="48344" cy="48344"/>
      </dsp:txXfrm>
    </dsp:sp>
    <dsp:sp modelId="{743F437C-4266-4108-8546-DA92D068993A}">
      <dsp:nvSpPr>
        <dsp:cNvPr id="0" name=""/>
        <dsp:cNvSpPr/>
      </dsp:nvSpPr>
      <dsp:spPr>
        <a:xfrm>
          <a:off x="3753742" y="2422759"/>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2. Data Collection,  Processing, Management</a:t>
          </a:r>
        </a:p>
      </dsp:txBody>
      <dsp:txXfrm>
        <a:off x="3772930" y="2441947"/>
        <a:ext cx="1682449" cy="616752"/>
      </dsp:txXfrm>
    </dsp:sp>
    <dsp:sp modelId="{23A7F13A-1775-4D8F-844E-4C3A76CDAC5B}">
      <dsp:nvSpPr>
        <dsp:cNvPr id="0" name=""/>
        <dsp:cNvSpPr/>
      </dsp:nvSpPr>
      <dsp:spPr>
        <a:xfrm>
          <a:off x="3147722" y="3493119"/>
          <a:ext cx="606019" cy="21203"/>
        </a:xfrm>
        <a:custGeom>
          <a:avLst/>
          <a:gdLst/>
          <a:ahLst/>
          <a:cxnLst/>
          <a:rect l="0" t="0" r="0" b="0"/>
          <a:pathLst>
            <a:path>
              <a:moveTo>
                <a:pt x="0" y="10601"/>
              </a:moveTo>
              <a:lnTo>
                <a:pt x="606019"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35581" y="3488571"/>
        <a:ext cx="30300" cy="30300"/>
      </dsp:txXfrm>
    </dsp:sp>
    <dsp:sp modelId="{359DA775-31E6-4460-81E4-2ED2A585CC24}">
      <dsp:nvSpPr>
        <dsp:cNvPr id="0" name=""/>
        <dsp:cNvSpPr/>
      </dsp:nvSpPr>
      <dsp:spPr>
        <a:xfrm>
          <a:off x="3753742" y="3176157"/>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3. Information Availability</a:t>
          </a:r>
        </a:p>
      </dsp:txBody>
      <dsp:txXfrm>
        <a:off x="3772930" y="3195345"/>
        <a:ext cx="1682449" cy="616752"/>
      </dsp:txXfrm>
    </dsp:sp>
    <dsp:sp modelId="{B19B6641-C57C-4094-86BB-60F65D018E15}">
      <dsp:nvSpPr>
        <dsp:cNvPr id="0" name=""/>
        <dsp:cNvSpPr/>
      </dsp:nvSpPr>
      <dsp:spPr>
        <a:xfrm rot="3071244">
          <a:off x="2967289" y="3869818"/>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856248"/>
        <a:ext cx="48344" cy="48344"/>
      </dsp:txXfrm>
    </dsp:sp>
    <dsp:sp modelId="{664546CA-B3A7-4293-B38E-E812B13A4847}">
      <dsp:nvSpPr>
        <dsp:cNvPr id="0" name=""/>
        <dsp:cNvSpPr/>
      </dsp:nvSpPr>
      <dsp:spPr>
        <a:xfrm>
          <a:off x="3753742" y="3929555"/>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4. Information Use</a:t>
          </a:r>
        </a:p>
      </dsp:txBody>
      <dsp:txXfrm>
        <a:off x="3772930" y="3948743"/>
        <a:ext cx="1682449" cy="616752"/>
      </dsp:txXfrm>
    </dsp:sp>
    <dsp:sp modelId="{DBA7C561-2618-4FE5-90B6-A993EEB1077D}">
      <dsp:nvSpPr>
        <dsp:cNvPr id="0" name=""/>
        <dsp:cNvSpPr/>
      </dsp:nvSpPr>
      <dsp:spPr>
        <a:xfrm rot="4085426">
          <a:off x="2638683" y="4246517"/>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4216516"/>
        <a:ext cx="81204" cy="81204"/>
      </dsp:txXfrm>
    </dsp:sp>
    <dsp:sp modelId="{E15B6777-549E-4BDC-90CE-3F57DDBD6452}">
      <dsp:nvSpPr>
        <dsp:cNvPr id="0" name=""/>
        <dsp:cNvSpPr/>
      </dsp:nvSpPr>
      <dsp:spPr>
        <a:xfrm>
          <a:off x="3753742" y="468295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5. Administer M&amp;E Activities</a:t>
          </a:r>
        </a:p>
      </dsp:txBody>
      <dsp:txXfrm>
        <a:off x="3772930" y="4702140"/>
        <a:ext cx="1682449" cy="616752"/>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208B9D-5B84-4A53-8BD1-061C482929AE}">
      <dsp:nvSpPr>
        <dsp:cNvPr id="0" name=""/>
        <dsp:cNvSpPr/>
      </dsp:nvSpPr>
      <dsp:spPr>
        <a:xfrm>
          <a:off x="4240397" y="-145658"/>
          <a:ext cx="1823266" cy="1702982"/>
        </a:xfrm>
        <a:prstGeom prst="ellipse">
          <a:avLst/>
        </a:prstGeom>
        <a:solidFill>
          <a:schemeClr val="accent1"/>
        </a:soli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1" kern="1200" dirty="0"/>
            <a:t>Identify data needs</a:t>
          </a:r>
        </a:p>
      </dsp:txBody>
      <dsp:txXfrm>
        <a:off x="4507408" y="103738"/>
        <a:ext cx="1289244" cy="1204190"/>
      </dsp:txXfrm>
    </dsp:sp>
    <dsp:sp modelId="{E8FAE9D3-1392-4DA1-84B6-4CCB220C3BB8}">
      <dsp:nvSpPr>
        <dsp:cNvPr id="0" name=""/>
        <dsp:cNvSpPr/>
      </dsp:nvSpPr>
      <dsp:spPr>
        <a:xfrm rot="1080000">
          <a:off x="6054599" y="828837"/>
          <a:ext cx="112192" cy="376968"/>
        </a:xfrm>
        <a:prstGeom prst="rightArrow">
          <a:avLst>
            <a:gd name="adj1" fmla="val 60000"/>
            <a:gd name="adj2" fmla="val 50000"/>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6055423" y="899031"/>
        <a:ext cx="78534" cy="226180"/>
      </dsp:txXfrm>
    </dsp:sp>
    <dsp:sp modelId="{4209AC67-8E4C-4312-AD4A-E7747A1C1EDB}">
      <dsp:nvSpPr>
        <dsp:cNvPr id="0" name=""/>
        <dsp:cNvSpPr/>
      </dsp:nvSpPr>
      <dsp:spPr>
        <a:xfrm>
          <a:off x="6187043" y="665115"/>
          <a:ext cx="1116944" cy="1116944"/>
        </a:xfrm>
        <a:prstGeom prst="ellipse">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reate forms &amp; process</a:t>
          </a:r>
        </a:p>
      </dsp:txBody>
      <dsp:txXfrm>
        <a:off x="6350616" y="828688"/>
        <a:ext cx="789798" cy="789798"/>
      </dsp:txXfrm>
    </dsp:sp>
    <dsp:sp modelId="{733E0EF0-1FA0-4F94-BEE8-461B892C9F99}">
      <dsp:nvSpPr>
        <dsp:cNvPr id="0" name=""/>
        <dsp:cNvSpPr/>
      </dsp:nvSpPr>
      <dsp:spPr>
        <a:xfrm rot="3240000">
          <a:off x="7084990" y="1706074"/>
          <a:ext cx="296028" cy="376968"/>
        </a:xfrm>
        <a:prstGeom prst="rightArrow">
          <a:avLst>
            <a:gd name="adj1" fmla="val 60000"/>
            <a:gd name="adj2" fmla="val 50000"/>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103294" y="1745544"/>
        <a:ext cx="207220" cy="226180"/>
      </dsp:txXfrm>
    </dsp:sp>
    <dsp:sp modelId="{3D28F87A-A54F-4F9E-93D0-051E140E9CB8}">
      <dsp:nvSpPr>
        <dsp:cNvPr id="0" name=""/>
        <dsp:cNvSpPr/>
      </dsp:nvSpPr>
      <dsp:spPr>
        <a:xfrm>
          <a:off x="7171871" y="2020614"/>
          <a:ext cx="1116944" cy="1116944"/>
        </a:xfrm>
        <a:prstGeom prst="ellipse">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Test forms &amp; process</a:t>
          </a:r>
        </a:p>
      </dsp:txBody>
      <dsp:txXfrm>
        <a:off x="7335444" y="2184187"/>
        <a:ext cx="789798" cy="789798"/>
      </dsp:txXfrm>
    </dsp:sp>
    <dsp:sp modelId="{222EE20C-312F-49E9-A1FD-0D95FA7C24E1}">
      <dsp:nvSpPr>
        <dsp:cNvPr id="0" name=""/>
        <dsp:cNvSpPr/>
      </dsp:nvSpPr>
      <dsp:spPr>
        <a:xfrm rot="5400000">
          <a:off x="7582328" y="3219968"/>
          <a:ext cx="296028" cy="376968"/>
        </a:xfrm>
        <a:prstGeom prst="rightArrow">
          <a:avLst>
            <a:gd name="adj1" fmla="val 60000"/>
            <a:gd name="adj2" fmla="val 50000"/>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626732" y="3250958"/>
        <a:ext cx="207220" cy="226180"/>
      </dsp:txXfrm>
    </dsp:sp>
    <dsp:sp modelId="{9E72C8EC-FC87-45A1-81BD-5C62AFED15E0}">
      <dsp:nvSpPr>
        <dsp:cNvPr id="0" name=""/>
        <dsp:cNvSpPr/>
      </dsp:nvSpPr>
      <dsp:spPr>
        <a:xfrm>
          <a:off x="7171871" y="3696103"/>
          <a:ext cx="1116944" cy="1116944"/>
        </a:xfrm>
        <a:prstGeom prst="ellipse">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oll-out forms &amp; process</a:t>
          </a:r>
        </a:p>
      </dsp:txBody>
      <dsp:txXfrm>
        <a:off x="7335444" y="3859676"/>
        <a:ext cx="789798" cy="789798"/>
      </dsp:txXfrm>
    </dsp:sp>
    <dsp:sp modelId="{4172FDB8-FD75-44E6-B636-F169466EA6F2}">
      <dsp:nvSpPr>
        <dsp:cNvPr id="0" name=""/>
        <dsp:cNvSpPr/>
      </dsp:nvSpPr>
      <dsp:spPr>
        <a:xfrm rot="7560000">
          <a:off x="7094839" y="4737062"/>
          <a:ext cx="296028" cy="376968"/>
        </a:xfrm>
        <a:prstGeom prst="rightArrow">
          <a:avLst>
            <a:gd name="adj1" fmla="val 60000"/>
            <a:gd name="adj2" fmla="val 50000"/>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7165343" y="4776532"/>
        <a:ext cx="207220" cy="226180"/>
      </dsp:txXfrm>
    </dsp:sp>
    <dsp:sp modelId="{C5FBF30B-7429-4704-90D2-4454965FD314}">
      <dsp:nvSpPr>
        <dsp:cNvPr id="0" name=""/>
        <dsp:cNvSpPr/>
      </dsp:nvSpPr>
      <dsp:spPr>
        <a:xfrm>
          <a:off x="6187043" y="5051602"/>
          <a:ext cx="1116944" cy="1116944"/>
        </a:xfrm>
        <a:prstGeom prst="ellipse">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ollect data</a:t>
          </a:r>
        </a:p>
      </dsp:txBody>
      <dsp:txXfrm>
        <a:off x="6350616" y="5215175"/>
        <a:ext cx="789798" cy="789798"/>
      </dsp:txXfrm>
    </dsp:sp>
    <dsp:sp modelId="{9BDCB39E-9B45-4116-ADAB-0FEE6C6B1C4B}">
      <dsp:nvSpPr>
        <dsp:cNvPr id="0" name=""/>
        <dsp:cNvSpPr/>
      </dsp:nvSpPr>
      <dsp:spPr>
        <a:xfrm rot="9720000">
          <a:off x="5808726" y="5677878"/>
          <a:ext cx="296028" cy="376968"/>
        </a:xfrm>
        <a:prstGeom prst="rightArrow">
          <a:avLst>
            <a:gd name="adj1" fmla="val 60000"/>
            <a:gd name="adj2" fmla="val 50000"/>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5895361" y="5739550"/>
        <a:ext cx="207220" cy="226180"/>
      </dsp:txXfrm>
    </dsp:sp>
    <dsp:sp modelId="{72DBBB8A-A9D2-4A5B-A5A3-76FDD3B65AE9}">
      <dsp:nvSpPr>
        <dsp:cNvPr id="0" name=""/>
        <dsp:cNvSpPr/>
      </dsp:nvSpPr>
      <dsp:spPr>
        <a:xfrm>
          <a:off x="4593558" y="5569357"/>
          <a:ext cx="1116944" cy="1116944"/>
        </a:xfrm>
        <a:prstGeom prst="ellipse">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Enter data into system</a:t>
          </a:r>
        </a:p>
      </dsp:txBody>
      <dsp:txXfrm>
        <a:off x="4757131" y="5732930"/>
        <a:ext cx="789798" cy="789798"/>
      </dsp:txXfrm>
    </dsp:sp>
    <dsp:sp modelId="{5C8BDD24-6C65-47C3-86C6-768CD8448650}">
      <dsp:nvSpPr>
        <dsp:cNvPr id="0" name=""/>
        <dsp:cNvSpPr/>
      </dsp:nvSpPr>
      <dsp:spPr>
        <a:xfrm rot="11880000">
          <a:off x="4215241" y="5683056"/>
          <a:ext cx="296028" cy="376968"/>
        </a:xfrm>
        <a:prstGeom prst="rightArrow">
          <a:avLst>
            <a:gd name="adj1" fmla="val 60000"/>
            <a:gd name="adj2" fmla="val 50000"/>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4301876" y="5772172"/>
        <a:ext cx="207220" cy="226180"/>
      </dsp:txXfrm>
    </dsp:sp>
    <dsp:sp modelId="{35D7121D-85F0-4E7F-8752-D7A676C355D2}">
      <dsp:nvSpPr>
        <dsp:cNvPr id="0" name=""/>
        <dsp:cNvSpPr/>
      </dsp:nvSpPr>
      <dsp:spPr>
        <a:xfrm>
          <a:off x="3000073" y="5051602"/>
          <a:ext cx="1116944" cy="1116944"/>
        </a:xfrm>
        <a:prstGeom prst="ellipse">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Validate data</a:t>
          </a:r>
        </a:p>
      </dsp:txBody>
      <dsp:txXfrm>
        <a:off x="3163646" y="5215175"/>
        <a:ext cx="789798" cy="789798"/>
      </dsp:txXfrm>
    </dsp:sp>
    <dsp:sp modelId="{3A8E9418-1B85-41DA-A8B4-76F2AEC9B2DE}">
      <dsp:nvSpPr>
        <dsp:cNvPr id="0" name=""/>
        <dsp:cNvSpPr/>
      </dsp:nvSpPr>
      <dsp:spPr>
        <a:xfrm rot="14040000">
          <a:off x="2923041" y="4750619"/>
          <a:ext cx="296028" cy="376968"/>
        </a:xfrm>
        <a:prstGeom prst="rightArrow">
          <a:avLst>
            <a:gd name="adj1" fmla="val 60000"/>
            <a:gd name="adj2" fmla="val 50000"/>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2993545" y="4861937"/>
        <a:ext cx="207220" cy="226180"/>
      </dsp:txXfrm>
    </dsp:sp>
    <dsp:sp modelId="{1A417AE2-7DCE-4A5B-AA84-E44756AEBA25}">
      <dsp:nvSpPr>
        <dsp:cNvPr id="0" name=""/>
        <dsp:cNvSpPr/>
      </dsp:nvSpPr>
      <dsp:spPr>
        <a:xfrm>
          <a:off x="2015245" y="3696103"/>
          <a:ext cx="1116944" cy="1116944"/>
        </a:xfrm>
        <a:prstGeom prst="ellipse">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Manage data in MIS</a:t>
          </a:r>
        </a:p>
      </dsp:txBody>
      <dsp:txXfrm>
        <a:off x="2178818" y="3859676"/>
        <a:ext cx="789798" cy="789798"/>
      </dsp:txXfrm>
    </dsp:sp>
    <dsp:sp modelId="{7DA4E6F5-5F82-4992-89FB-9A13017CE0DB}">
      <dsp:nvSpPr>
        <dsp:cNvPr id="0" name=""/>
        <dsp:cNvSpPr/>
      </dsp:nvSpPr>
      <dsp:spPr>
        <a:xfrm rot="16200000">
          <a:off x="2425703" y="3236724"/>
          <a:ext cx="296028" cy="376968"/>
        </a:xfrm>
        <a:prstGeom prst="rightArrow">
          <a:avLst>
            <a:gd name="adj1" fmla="val 60000"/>
            <a:gd name="adj2" fmla="val 50000"/>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470107" y="3356522"/>
        <a:ext cx="207220" cy="226180"/>
      </dsp:txXfrm>
    </dsp:sp>
    <dsp:sp modelId="{CDB41F4F-688C-4490-B89A-F947556A62B7}">
      <dsp:nvSpPr>
        <dsp:cNvPr id="0" name=""/>
        <dsp:cNvSpPr/>
      </dsp:nvSpPr>
      <dsp:spPr>
        <a:xfrm>
          <a:off x="2015245" y="2020614"/>
          <a:ext cx="1116944" cy="1116944"/>
        </a:xfrm>
        <a:prstGeom prst="ellipse">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Share information</a:t>
          </a:r>
        </a:p>
      </dsp:txBody>
      <dsp:txXfrm>
        <a:off x="2178818" y="2184187"/>
        <a:ext cx="789798" cy="789798"/>
      </dsp:txXfrm>
    </dsp:sp>
    <dsp:sp modelId="{EFB7B187-C31B-40AD-BE1E-5BA7F7DB24E7}">
      <dsp:nvSpPr>
        <dsp:cNvPr id="0" name=""/>
        <dsp:cNvSpPr/>
      </dsp:nvSpPr>
      <dsp:spPr>
        <a:xfrm rot="18360000">
          <a:off x="2913192" y="1719630"/>
          <a:ext cx="296028" cy="376968"/>
        </a:xfrm>
        <a:prstGeom prst="rightArrow">
          <a:avLst>
            <a:gd name="adj1" fmla="val 60000"/>
            <a:gd name="adj2" fmla="val 50000"/>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931496" y="1830948"/>
        <a:ext cx="207220" cy="226180"/>
      </dsp:txXfrm>
    </dsp:sp>
    <dsp:sp modelId="{34E71618-BC08-4DDB-8255-A70153FCCC66}">
      <dsp:nvSpPr>
        <dsp:cNvPr id="0" name=""/>
        <dsp:cNvSpPr/>
      </dsp:nvSpPr>
      <dsp:spPr>
        <a:xfrm>
          <a:off x="3000073" y="665115"/>
          <a:ext cx="1116944" cy="1116944"/>
        </a:xfrm>
        <a:prstGeom prst="ellipse">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Facilitate data use</a:t>
          </a:r>
        </a:p>
      </dsp:txBody>
      <dsp:txXfrm>
        <a:off x="3163646" y="828688"/>
        <a:ext cx="789798" cy="789798"/>
      </dsp:txXfrm>
    </dsp:sp>
    <dsp:sp modelId="{837037DB-FD11-48C1-8969-B6A62613B709}">
      <dsp:nvSpPr>
        <dsp:cNvPr id="0" name=""/>
        <dsp:cNvSpPr/>
      </dsp:nvSpPr>
      <dsp:spPr>
        <a:xfrm rot="20520000">
          <a:off x="4131229" y="830799"/>
          <a:ext cx="112192" cy="376968"/>
        </a:xfrm>
        <a:prstGeom prst="rightArrow">
          <a:avLst>
            <a:gd name="adj1" fmla="val 60000"/>
            <a:gd name="adj2" fmla="val 50000"/>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4132053" y="911393"/>
        <a:ext cx="78534" cy="226180"/>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884A2A-8E53-4112-9DE3-DE230261DD52}">
      <dsp:nvSpPr>
        <dsp:cNvPr id="0" name=""/>
        <dsp:cNvSpPr/>
      </dsp:nvSpPr>
      <dsp:spPr>
        <a:xfrm>
          <a:off x="3581954" y="0"/>
          <a:ext cx="2064990" cy="5561463"/>
        </a:xfrm>
        <a:prstGeom prst="roundRect">
          <a:avLst>
            <a:gd name="adj" fmla="val 10000"/>
          </a:avLst>
        </a:prstGeom>
        <a:solidFill>
          <a:schemeClr val="accent2"/>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Outcomes:</a:t>
          </a:r>
        </a:p>
      </dsp:txBody>
      <dsp:txXfrm>
        <a:off x="3581954" y="0"/>
        <a:ext cx="2064990" cy="1668438"/>
      </dsp:txXfrm>
    </dsp:sp>
    <dsp:sp modelId="{13418BFB-9BC6-43E7-B451-A2DFE3D84DD6}">
      <dsp:nvSpPr>
        <dsp:cNvPr id="0" name=""/>
        <dsp:cNvSpPr/>
      </dsp:nvSpPr>
      <dsp:spPr>
        <a:xfrm>
          <a:off x="1254912" y="0"/>
          <a:ext cx="2064990" cy="5561463"/>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Objective: </a:t>
          </a:r>
          <a:endParaRPr lang="en-US" sz="1400" kern="1200" dirty="0">
            <a:ln>
              <a:noFill/>
            </a:ln>
            <a:solidFill>
              <a:sysClr val="windowText" lastClr="000000"/>
            </a:solidFill>
          </a:endParaRPr>
        </a:p>
      </dsp:txBody>
      <dsp:txXfrm>
        <a:off x="1254912" y="0"/>
        <a:ext cx="2064990" cy="1668438"/>
      </dsp:txXfrm>
    </dsp:sp>
    <dsp:sp modelId="{A20A70B0-9FDE-4579-9A85-88B02A2E608A}">
      <dsp:nvSpPr>
        <dsp:cNvPr id="0" name=""/>
        <dsp:cNvSpPr/>
      </dsp:nvSpPr>
      <dsp:spPr>
        <a:xfrm>
          <a:off x="1426896" y="3176157"/>
          <a:ext cx="1720825" cy="655128"/>
        </a:xfrm>
        <a:prstGeom prst="roundRect">
          <a:avLst>
            <a:gd name="adj" fmla="val 10000"/>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Functional &amp; Useful M&amp;E System</a:t>
          </a:r>
          <a:endParaRPr lang="en-US" sz="1400" kern="1200" dirty="0">
            <a:ln>
              <a:noFill/>
            </a:ln>
            <a:solidFill>
              <a:sysClr val="windowText" lastClr="000000"/>
            </a:solidFill>
          </a:endParaRPr>
        </a:p>
      </dsp:txBody>
      <dsp:txXfrm>
        <a:off x="1446084" y="3195345"/>
        <a:ext cx="1682449" cy="616752"/>
      </dsp:txXfrm>
    </dsp:sp>
    <dsp:sp modelId="{FF4E8691-E350-43B3-9083-FEECBB2340A4}">
      <dsp:nvSpPr>
        <dsp:cNvPr id="0" name=""/>
        <dsp:cNvSpPr/>
      </dsp:nvSpPr>
      <dsp:spPr>
        <a:xfrm rot="17514574">
          <a:off x="2638683" y="2739722"/>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2709721"/>
        <a:ext cx="81204" cy="81204"/>
      </dsp:txXfrm>
    </dsp:sp>
    <dsp:sp modelId="{8B3DDF95-FC0E-4373-B5A0-B87C85C7A039}">
      <dsp:nvSpPr>
        <dsp:cNvPr id="0" name=""/>
        <dsp:cNvSpPr/>
      </dsp:nvSpPr>
      <dsp:spPr>
        <a:xfrm>
          <a:off x="3753742" y="166936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1. Data Demand</a:t>
          </a:r>
        </a:p>
      </dsp:txBody>
      <dsp:txXfrm>
        <a:off x="3772930" y="1688550"/>
        <a:ext cx="1682449" cy="616752"/>
      </dsp:txXfrm>
    </dsp:sp>
    <dsp:sp modelId="{7478AFD0-B581-4ADB-876A-5D930E53F2A1}">
      <dsp:nvSpPr>
        <dsp:cNvPr id="0" name=""/>
        <dsp:cNvSpPr/>
      </dsp:nvSpPr>
      <dsp:spPr>
        <a:xfrm rot="18528756">
          <a:off x="2967289" y="3116421"/>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102850"/>
        <a:ext cx="48344" cy="48344"/>
      </dsp:txXfrm>
    </dsp:sp>
    <dsp:sp modelId="{743F437C-4266-4108-8546-DA92D068993A}">
      <dsp:nvSpPr>
        <dsp:cNvPr id="0" name=""/>
        <dsp:cNvSpPr/>
      </dsp:nvSpPr>
      <dsp:spPr>
        <a:xfrm>
          <a:off x="3753742" y="2422759"/>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2. Data Collection,  Processing, Management</a:t>
          </a:r>
        </a:p>
      </dsp:txBody>
      <dsp:txXfrm>
        <a:off x="3772930" y="2441947"/>
        <a:ext cx="1682449" cy="616752"/>
      </dsp:txXfrm>
    </dsp:sp>
    <dsp:sp modelId="{23A7F13A-1775-4D8F-844E-4C3A76CDAC5B}">
      <dsp:nvSpPr>
        <dsp:cNvPr id="0" name=""/>
        <dsp:cNvSpPr/>
      </dsp:nvSpPr>
      <dsp:spPr>
        <a:xfrm>
          <a:off x="3147722" y="3493119"/>
          <a:ext cx="606019" cy="21203"/>
        </a:xfrm>
        <a:custGeom>
          <a:avLst/>
          <a:gdLst/>
          <a:ahLst/>
          <a:cxnLst/>
          <a:rect l="0" t="0" r="0" b="0"/>
          <a:pathLst>
            <a:path>
              <a:moveTo>
                <a:pt x="0" y="10601"/>
              </a:moveTo>
              <a:lnTo>
                <a:pt x="606019"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35581" y="3488571"/>
        <a:ext cx="30300" cy="30300"/>
      </dsp:txXfrm>
    </dsp:sp>
    <dsp:sp modelId="{359DA775-31E6-4460-81E4-2ED2A585CC24}">
      <dsp:nvSpPr>
        <dsp:cNvPr id="0" name=""/>
        <dsp:cNvSpPr/>
      </dsp:nvSpPr>
      <dsp:spPr>
        <a:xfrm>
          <a:off x="3753742" y="3176157"/>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3. Information Availability</a:t>
          </a:r>
        </a:p>
      </dsp:txBody>
      <dsp:txXfrm>
        <a:off x="3772930" y="3195345"/>
        <a:ext cx="1682449" cy="616752"/>
      </dsp:txXfrm>
    </dsp:sp>
    <dsp:sp modelId="{B19B6641-C57C-4094-86BB-60F65D018E15}">
      <dsp:nvSpPr>
        <dsp:cNvPr id="0" name=""/>
        <dsp:cNvSpPr/>
      </dsp:nvSpPr>
      <dsp:spPr>
        <a:xfrm rot="3071244">
          <a:off x="2967289" y="3869818"/>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856248"/>
        <a:ext cx="48344" cy="48344"/>
      </dsp:txXfrm>
    </dsp:sp>
    <dsp:sp modelId="{664546CA-B3A7-4293-B38E-E812B13A4847}">
      <dsp:nvSpPr>
        <dsp:cNvPr id="0" name=""/>
        <dsp:cNvSpPr/>
      </dsp:nvSpPr>
      <dsp:spPr>
        <a:xfrm>
          <a:off x="3753742" y="3929555"/>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4. Information Use</a:t>
          </a:r>
        </a:p>
      </dsp:txBody>
      <dsp:txXfrm>
        <a:off x="3772930" y="3948743"/>
        <a:ext cx="1682449" cy="616752"/>
      </dsp:txXfrm>
    </dsp:sp>
    <dsp:sp modelId="{DBA7C561-2618-4FE5-90B6-A993EEB1077D}">
      <dsp:nvSpPr>
        <dsp:cNvPr id="0" name=""/>
        <dsp:cNvSpPr/>
      </dsp:nvSpPr>
      <dsp:spPr>
        <a:xfrm rot="4085426">
          <a:off x="2638683" y="4246517"/>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4216516"/>
        <a:ext cx="81204" cy="81204"/>
      </dsp:txXfrm>
    </dsp:sp>
    <dsp:sp modelId="{E15B6777-549E-4BDC-90CE-3F57DDBD6452}">
      <dsp:nvSpPr>
        <dsp:cNvPr id="0" name=""/>
        <dsp:cNvSpPr/>
      </dsp:nvSpPr>
      <dsp:spPr>
        <a:xfrm>
          <a:off x="3753742" y="468295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5. Administer M&amp;E Activities</a:t>
          </a:r>
        </a:p>
      </dsp:txBody>
      <dsp:txXfrm>
        <a:off x="3772930" y="4702140"/>
        <a:ext cx="1682449" cy="616752"/>
      </dsp:txXfrm>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208B9D-5B84-4A53-8BD1-061C482929AE}">
      <dsp:nvSpPr>
        <dsp:cNvPr id="0" name=""/>
        <dsp:cNvSpPr/>
      </dsp:nvSpPr>
      <dsp:spPr>
        <a:xfrm>
          <a:off x="4593558" y="850"/>
          <a:ext cx="1116944" cy="1116944"/>
        </a:xfrm>
        <a:prstGeom prst="ellipse">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Identify data needs</a:t>
          </a:r>
        </a:p>
      </dsp:txBody>
      <dsp:txXfrm>
        <a:off x="4757131" y="164423"/>
        <a:ext cx="789798" cy="789798"/>
      </dsp:txXfrm>
    </dsp:sp>
    <dsp:sp modelId="{E8FAE9D3-1392-4DA1-84B6-4CCB220C3BB8}">
      <dsp:nvSpPr>
        <dsp:cNvPr id="0" name=""/>
        <dsp:cNvSpPr/>
      </dsp:nvSpPr>
      <dsp:spPr>
        <a:xfrm rot="1080000">
          <a:off x="5725053" y="575400"/>
          <a:ext cx="113106" cy="376968"/>
        </a:xfrm>
        <a:prstGeom prst="rightArrow">
          <a:avLst>
            <a:gd name="adj1" fmla="val 60000"/>
            <a:gd name="adj2" fmla="val 50000"/>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5725883" y="645551"/>
        <a:ext cx="79174" cy="226180"/>
      </dsp:txXfrm>
    </dsp:sp>
    <dsp:sp modelId="{4209AC67-8E4C-4312-AD4A-E7747A1C1EDB}">
      <dsp:nvSpPr>
        <dsp:cNvPr id="0" name=""/>
        <dsp:cNvSpPr/>
      </dsp:nvSpPr>
      <dsp:spPr>
        <a:xfrm>
          <a:off x="5835686" y="226686"/>
          <a:ext cx="1819658" cy="1700781"/>
        </a:xfrm>
        <a:prstGeom prst="ellipse">
          <a:avLst/>
        </a:prstGeom>
        <a:solidFill>
          <a:schemeClr val="accent1"/>
        </a:soli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b="1" kern="1200" dirty="0"/>
            <a:t>Create forms &amp; process</a:t>
          </a:r>
        </a:p>
      </dsp:txBody>
      <dsp:txXfrm>
        <a:off x="6102169" y="475760"/>
        <a:ext cx="1286692" cy="1202633"/>
      </dsp:txXfrm>
    </dsp:sp>
    <dsp:sp modelId="{733E0EF0-1FA0-4F94-BEE8-461B892C9F99}">
      <dsp:nvSpPr>
        <dsp:cNvPr id="0" name=""/>
        <dsp:cNvSpPr/>
      </dsp:nvSpPr>
      <dsp:spPr>
        <a:xfrm rot="3240000">
          <a:off x="7261614" y="1689189"/>
          <a:ext cx="131136" cy="376968"/>
        </a:xfrm>
        <a:prstGeom prst="rightArrow">
          <a:avLst>
            <a:gd name="adj1" fmla="val 60000"/>
            <a:gd name="adj2" fmla="val 50000"/>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269722" y="1748669"/>
        <a:ext cx="91795" cy="226180"/>
      </dsp:txXfrm>
    </dsp:sp>
    <dsp:sp modelId="{3D28F87A-A54F-4F9E-93D0-051E140E9CB8}">
      <dsp:nvSpPr>
        <dsp:cNvPr id="0" name=""/>
        <dsp:cNvSpPr/>
      </dsp:nvSpPr>
      <dsp:spPr>
        <a:xfrm>
          <a:off x="7171871" y="1874104"/>
          <a:ext cx="1116944" cy="1116944"/>
        </a:xfrm>
        <a:prstGeom prst="ellipse">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Test forms &amp; process</a:t>
          </a:r>
        </a:p>
      </dsp:txBody>
      <dsp:txXfrm>
        <a:off x="7335444" y="2037677"/>
        <a:ext cx="789798" cy="789798"/>
      </dsp:txXfrm>
    </dsp:sp>
    <dsp:sp modelId="{222EE20C-312F-49E9-A1FD-0D95FA7C24E1}">
      <dsp:nvSpPr>
        <dsp:cNvPr id="0" name=""/>
        <dsp:cNvSpPr/>
      </dsp:nvSpPr>
      <dsp:spPr>
        <a:xfrm rot="5400000">
          <a:off x="7582328" y="3073459"/>
          <a:ext cx="296028" cy="376968"/>
        </a:xfrm>
        <a:prstGeom prst="rightArrow">
          <a:avLst>
            <a:gd name="adj1" fmla="val 60000"/>
            <a:gd name="adj2" fmla="val 50000"/>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626732" y="3104449"/>
        <a:ext cx="207220" cy="226180"/>
      </dsp:txXfrm>
    </dsp:sp>
    <dsp:sp modelId="{9E72C8EC-FC87-45A1-81BD-5C62AFED15E0}">
      <dsp:nvSpPr>
        <dsp:cNvPr id="0" name=""/>
        <dsp:cNvSpPr/>
      </dsp:nvSpPr>
      <dsp:spPr>
        <a:xfrm>
          <a:off x="7171871" y="3549594"/>
          <a:ext cx="1116944" cy="1116944"/>
        </a:xfrm>
        <a:prstGeom prst="ellipse">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oll-out forms &amp; process</a:t>
          </a:r>
        </a:p>
      </dsp:txBody>
      <dsp:txXfrm>
        <a:off x="7335444" y="3713167"/>
        <a:ext cx="789798" cy="789798"/>
      </dsp:txXfrm>
    </dsp:sp>
    <dsp:sp modelId="{4172FDB8-FD75-44E6-B636-F169466EA6F2}">
      <dsp:nvSpPr>
        <dsp:cNvPr id="0" name=""/>
        <dsp:cNvSpPr/>
      </dsp:nvSpPr>
      <dsp:spPr>
        <a:xfrm rot="7560000">
          <a:off x="7094839" y="4590553"/>
          <a:ext cx="296028" cy="376968"/>
        </a:xfrm>
        <a:prstGeom prst="rightArrow">
          <a:avLst>
            <a:gd name="adj1" fmla="val 60000"/>
            <a:gd name="adj2" fmla="val 50000"/>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7165343" y="4630023"/>
        <a:ext cx="207220" cy="226180"/>
      </dsp:txXfrm>
    </dsp:sp>
    <dsp:sp modelId="{C5FBF30B-7429-4704-90D2-4454965FD314}">
      <dsp:nvSpPr>
        <dsp:cNvPr id="0" name=""/>
        <dsp:cNvSpPr/>
      </dsp:nvSpPr>
      <dsp:spPr>
        <a:xfrm>
          <a:off x="6187043" y="4905093"/>
          <a:ext cx="1116944" cy="1116944"/>
        </a:xfrm>
        <a:prstGeom prst="ellipse">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ollect data</a:t>
          </a:r>
        </a:p>
      </dsp:txBody>
      <dsp:txXfrm>
        <a:off x="6350616" y="5068666"/>
        <a:ext cx="789798" cy="789798"/>
      </dsp:txXfrm>
    </dsp:sp>
    <dsp:sp modelId="{9BDCB39E-9B45-4116-ADAB-0FEE6C6B1C4B}">
      <dsp:nvSpPr>
        <dsp:cNvPr id="0" name=""/>
        <dsp:cNvSpPr/>
      </dsp:nvSpPr>
      <dsp:spPr>
        <a:xfrm rot="9720000">
          <a:off x="5808726" y="5531369"/>
          <a:ext cx="296028" cy="376968"/>
        </a:xfrm>
        <a:prstGeom prst="rightArrow">
          <a:avLst>
            <a:gd name="adj1" fmla="val 60000"/>
            <a:gd name="adj2" fmla="val 50000"/>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5895361" y="5593041"/>
        <a:ext cx="207220" cy="226180"/>
      </dsp:txXfrm>
    </dsp:sp>
    <dsp:sp modelId="{72DBBB8A-A9D2-4A5B-A5A3-76FDD3B65AE9}">
      <dsp:nvSpPr>
        <dsp:cNvPr id="0" name=""/>
        <dsp:cNvSpPr/>
      </dsp:nvSpPr>
      <dsp:spPr>
        <a:xfrm>
          <a:off x="4593558" y="5422847"/>
          <a:ext cx="1116944" cy="1116944"/>
        </a:xfrm>
        <a:prstGeom prst="ellipse">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Enter data into system</a:t>
          </a:r>
        </a:p>
      </dsp:txBody>
      <dsp:txXfrm>
        <a:off x="4757131" y="5586420"/>
        <a:ext cx="789798" cy="789798"/>
      </dsp:txXfrm>
    </dsp:sp>
    <dsp:sp modelId="{5C8BDD24-6C65-47C3-86C6-768CD8448650}">
      <dsp:nvSpPr>
        <dsp:cNvPr id="0" name=""/>
        <dsp:cNvSpPr/>
      </dsp:nvSpPr>
      <dsp:spPr>
        <a:xfrm rot="11880000">
          <a:off x="4215241" y="5536547"/>
          <a:ext cx="296028" cy="376968"/>
        </a:xfrm>
        <a:prstGeom prst="rightArrow">
          <a:avLst>
            <a:gd name="adj1" fmla="val 60000"/>
            <a:gd name="adj2" fmla="val 50000"/>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4301876" y="5625663"/>
        <a:ext cx="207220" cy="226180"/>
      </dsp:txXfrm>
    </dsp:sp>
    <dsp:sp modelId="{35D7121D-85F0-4E7F-8752-D7A676C355D2}">
      <dsp:nvSpPr>
        <dsp:cNvPr id="0" name=""/>
        <dsp:cNvSpPr/>
      </dsp:nvSpPr>
      <dsp:spPr>
        <a:xfrm>
          <a:off x="3000073" y="4905093"/>
          <a:ext cx="1116944" cy="1116944"/>
        </a:xfrm>
        <a:prstGeom prst="ellipse">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Validate data</a:t>
          </a:r>
        </a:p>
      </dsp:txBody>
      <dsp:txXfrm>
        <a:off x="3163646" y="5068666"/>
        <a:ext cx="789798" cy="789798"/>
      </dsp:txXfrm>
    </dsp:sp>
    <dsp:sp modelId="{3A8E9418-1B85-41DA-A8B4-76F2AEC9B2DE}">
      <dsp:nvSpPr>
        <dsp:cNvPr id="0" name=""/>
        <dsp:cNvSpPr/>
      </dsp:nvSpPr>
      <dsp:spPr>
        <a:xfrm rot="14040000">
          <a:off x="2923041" y="4604109"/>
          <a:ext cx="296028" cy="376968"/>
        </a:xfrm>
        <a:prstGeom prst="rightArrow">
          <a:avLst>
            <a:gd name="adj1" fmla="val 60000"/>
            <a:gd name="adj2" fmla="val 50000"/>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2993545" y="4715427"/>
        <a:ext cx="207220" cy="226180"/>
      </dsp:txXfrm>
    </dsp:sp>
    <dsp:sp modelId="{1A417AE2-7DCE-4A5B-AA84-E44756AEBA25}">
      <dsp:nvSpPr>
        <dsp:cNvPr id="0" name=""/>
        <dsp:cNvSpPr/>
      </dsp:nvSpPr>
      <dsp:spPr>
        <a:xfrm>
          <a:off x="2015245" y="3549594"/>
          <a:ext cx="1116944" cy="1116944"/>
        </a:xfrm>
        <a:prstGeom prst="ellipse">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Manage data in MIS</a:t>
          </a:r>
        </a:p>
      </dsp:txBody>
      <dsp:txXfrm>
        <a:off x="2178818" y="3713167"/>
        <a:ext cx="789798" cy="789798"/>
      </dsp:txXfrm>
    </dsp:sp>
    <dsp:sp modelId="{7DA4E6F5-5F82-4992-89FB-9A13017CE0DB}">
      <dsp:nvSpPr>
        <dsp:cNvPr id="0" name=""/>
        <dsp:cNvSpPr/>
      </dsp:nvSpPr>
      <dsp:spPr>
        <a:xfrm rot="16200000">
          <a:off x="2425703" y="3090215"/>
          <a:ext cx="296028" cy="376968"/>
        </a:xfrm>
        <a:prstGeom prst="rightArrow">
          <a:avLst>
            <a:gd name="adj1" fmla="val 60000"/>
            <a:gd name="adj2" fmla="val 50000"/>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470107" y="3210013"/>
        <a:ext cx="207220" cy="226180"/>
      </dsp:txXfrm>
    </dsp:sp>
    <dsp:sp modelId="{CDB41F4F-688C-4490-B89A-F947556A62B7}">
      <dsp:nvSpPr>
        <dsp:cNvPr id="0" name=""/>
        <dsp:cNvSpPr/>
      </dsp:nvSpPr>
      <dsp:spPr>
        <a:xfrm>
          <a:off x="2015245" y="1874104"/>
          <a:ext cx="1116944" cy="1116944"/>
        </a:xfrm>
        <a:prstGeom prst="ellipse">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Share information</a:t>
          </a:r>
        </a:p>
      </dsp:txBody>
      <dsp:txXfrm>
        <a:off x="2178818" y="2037677"/>
        <a:ext cx="789798" cy="789798"/>
      </dsp:txXfrm>
    </dsp:sp>
    <dsp:sp modelId="{EFB7B187-C31B-40AD-BE1E-5BA7F7DB24E7}">
      <dsp:nvSpPr>
        <dsp:cNvPr id="0" name=""/>
        <dsp:cNvSpPr/>
      </dsp:nvSpPr>
      <dsp:spPr>
        <a:xfrm rot="18360000">
          <a:off x="2913192" y="1573121"/>
          <a:ext cx="296028" cy="376968"/>
        </a:xfrm>
        <a:prstGeom prst="rightArrow">
          <a:avLst>
            <a:gd name="adj1" fmla="val 60000"/>
            <a:gd name="adj2" fmla="val 50000"/>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931496" y="1684439"/>
        <a:ext cx="207220" cy="226180"/>
      </dsp:txXfrm>
    </dsp:sp>
    <dsp:sp modelId="{34E71618-BC08-4DDB-8255-A70153FCCC66}">
      <dsp:nvSpPr>
        <dsp:cNvPr id="0" name=""/>
        <dsp:cNvSpPr/>
      </dsp:nvSpPr>
      <dsp:spPr>
        <a:xfrm>
          <a:off x="3000073" y="518605"/>
          <a:ext cx="1116944" cy="1116944"/>
        </a:xfrm>
        <a:prstGeom prst="ellipse">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Facilitate data use</a:t>
          </a:r>
        </a:p>
      </dsp:txBody>
      <dsp:txXfrm>
        <a:off x="3163646" y="682178"/>
        <a:ext cx="789798" cy="789798"/>
      </dsp:txXfrm>
    </dsp:sp>
    <dsp:sp modelId="{837037DB-FD11-48C1-8969-B6A62613B709}">
      <dsp:nvSpPr>
        <dsp:cNvPr id="0" name=""/>
        <dsp:cNvSpPr/>
      </dsp:nvSpPr>
      <dsp:spPr>
        <a:xfrm rot="20520000">
          <a:off x="4199305" y="632304"/>
          <a:ext cx="296028" cy="376968"/>
        </a:xfrm>
        <a:prstGeom prst="rightArrow">
          <a:avLst>
            <a:gd name="adj1" fmla="val 60000"/>
            <a:gd name="adj2" fmla="val 50000"/>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4201478" y="721420"/>
        <a:ext cx="207220" cy="226180"/>
      </dsp:txXfrm>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884A2A-8E53-4112-9DE3-DE230261DD52}">
      <dsp:nvSpPr>
        <dsp:cNvPr id="0" name=""/>
        <dsp:cNvSpPr/>
      </dsp:nvSpPr>
      <dsp:spPr>
        <a:xfrm>
          <a:off x="3581954" y="0"/>
          <a:ext cx="2064990" cy="5561463"/>
        </a:xfrm>
        <a:prstGeom prst="roundRect">
          <a:avLst>
            <a:gd name="adj" fmla="val 10000"/>
          </a:avLst>
        </a:prstGeom>
        <a:solidFill>
          <a:schemeClr val="accent2"/>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Outcomes:</a:t>
          </a:r>
        </a:p>
      </dsp:txBody>
      <dsp:txXfrm>
        <a:off x="3581954" y="0"/>
        <a:ext cx="2064990" cy="1668438"/>
      </dsp:txXfrm>
    </dsp:sp>
    <dsp:sp modelId="{13418BFB-9BC6-43E7-B451-A2DFE3D84DD6}">
      <dsp:nvSpPr>
        <dsp:cNvPr id="0" name=""/>
        <dsp:cNvSpPr/>
      </dsp:nvSpPr>
      <dsp:spPr>
        <a:xfrm>
          <a:off x="1254912" y="0"/>
          <a:ext cx="2064990" cy="5561463"/>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Objective: </a:t>
          </a:r>
          <a:endParaRPr lang="en-US" sz="1400" kern="1200" dirty="0">
            <a:ln>
              <a:noFill/>
            </a:ln>
            <a:solidFill>
              <a:sysClr val="windowText" lastClr="000000"/>
            </a:solidFill>
          </a:endParaRPr>
        </a:p>
      </dsp:txBody>
      <dsp:txXfrm>
        <a:off x="1254912" y="0"/>
        <a:ext cx="2064990" cy="1668438"/>
      </dsp:txXfrm>
    </dsp:sp>
    <dsp:sp modelId="{A20A70B0-9FDE-4579-9A85-88B02A2E608A}">
      <dsp:nvSpPr>
        <dsp:cNvPr id="0" name=""/>
        <dsp:cNvSpPr/>
      </dsp:nvSpPr>
      <dsp:spPr>
        <a:xfrm>
          <a:off x="1426896" y="3176157"/>
          <a:ext cx="1720825" cy="655128"/>
        </a:xfrm>
        <a:prstGeom prst="roundRect">
          <a:avLst>
            <a:gd name="adj" fmla="val 10000"/>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Functional &amp; Useful M&amp;E System</a:t>
          </a:r>
          <a:endParaRPr lang="en-US" sz="1400" kern="1200" dirty="0">
            <a:ln>
              <a:noFill/>
            </a:ln>
            <a:solidFill>
              <a:sysClr val="windowText" lastClr="000000"/>
            </a:solidFill>
          </a:endParaRPr>
        </a:p>
      </dsp:txBody>
      <dsp:txXfrm>
        <a:off x="1446084" y="3195345"/>
        <a:ext cx="1682449" cy="616752"/>
      </dsp:txXfrm>
    </dsp:sp>
    <dsp:sp modelId="{FF4E8691-E350-43B3-9083-FEECBB2340A4}">
      <dsp:nvSpPr>
        <dsp:cNvPr id="0" name=""/>
        <dsp:cNvSpPr/>
      </dsp:nvSpPr>
      <dsp:spPr>
        <a:xfrm rot="17514574">
          <a:off x="2638683" y="2739722"/>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2709721"/>
        <a:ext cx="81204" cy="81204"/>
      </dsp:txXfrm>
    </dsp:sp>
    <dsp:sp modelId="{8B3DDF95-FC0E-4373-B5A0-B87C85C7A039}">
      <dsp:nvSpPr>
        <dsp:cNvPr id="0" name=""/>
        <dsp:cNvSpPr/>
      </dsp:nvSpPr>
      <dsp:spPr>
        <a:xfrm>
          <a:off x="3753742" y="166936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1. Data Demand</a:t>
          </a:r>
        </a:p>
      </dsp:txBody>
      <dsp:txXfrm>
        <a:off x="3772930" y="1688550"/>
        <a:ext cx="1682449" cy="616752"/>
      </dsp:txXfrm>
    </dsp:sp>
    <dsp:sp modelId="{7478AFD0-B581-4ADB-876A-5D930E53F2A1}">
      <dsp:nvSpPr>
        <dsp:cNvPr id="0" name=""/>
        <dsp:cNvSpPr/>
      </dsp:nvSpPr>
      <dsp:spPr>
        <a:xfrm rot="18528756">
          <a:off x="2967289" y="3116421"/>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102850"/>
        <a:ext cx="48344" cy="48344"/>
      </dsp:txXfrm>
    </dsp:sp>
    <dsp:sp modelId="{743F437C-4266-4108-8546-DA92D068993A}">
      <dsp:nvSpPr>
        <dsp:cNvPr id="0" name=""/>
        <dsp:cNvSpPr/>
      </dsp:nvSpPr>
      <dsp:spPr>
        <a:xfrm>
          <a:off x="3753742" y="2422759"/>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2. Data Collection,  Processing, Management</a:t>
          </a:r>
        </a:p>
      </dsp:txBody>
      <dsp:txXfrm>
        <a:off x="3772930" y="2441947"/>
        <a:ext cx="1682449" cy="616752"/>
      </dsp:txXfrm>
    </dsp:sp>
    <dsp:sp modelId="{23A7F13A-1775-4D8F-844E-4C3A76CDAC5B}">
      <dsp:nvSpPr>
        <dsp:cNvPr id="0" name=""/>
        <dsp:cNvSpPr/>
      </dsp:nvSpPr>
      <dsp:spPr>
        <a:xfrm>
          <a:off x="3147722" y="3493119"/>
          <a:ext cx="606019" cy="21203"/>
        </a:xfrm>
        <a:custGeom>
          <a:avLst/>
          <a:gdLst/>
          <a:ahLst/>
          <a:cxnLst/>
          <a:rect l="0" t="0" r="0" b="0"/>
          <a:pathLst>
            <a:path>
              <a:moveTo>
                <a:pt x="0" y="10601"/>
              </a:moveTo>
              <a:lnTo>
                <a:pt x="606019"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35581" y="3488571"/>
        <a:ext cx="30300" cy="30300"/>
      </dsp:txXfrm>
    </dsp:sp>
    <dsp:sp modelId="{359DA775-31E6-4460-81E4-2ED2A585CC24}">
      <dsp:nvSpPr>
        <dsp:cNvPr id="0" name=""/>
        <dsp:cNvSpPr/>
      </dsp:nvSpPr>
      <dsp:spPr>
        <a:xfrm>
          <a:off x="3753742" y="3176157"/>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3. Information Availability</a:t>
          </a:r>
        </a:p>
      </dsp:txBody>
      <dsp:txXfrm>
        <a:off x="3772930" y="3195345"/>
        <a:ext cx="1682449" cy="616752"/>
      </dsp:txXfrm>
    </dsp:sp>
    <dsp:sp modelId="{B19B6641-C57C-4094-86BB-60F65D018E15}">
      <dsp:nvSpPr>
        <dsp:cNvPr id="0" name=""/>
        <dsp:cNvSpPr/>
      </dsp:nvSpPr>
      <dsp:spPr>
        <a:xfrm rot="3071244">
          <a:off x="2967289" y="3869818"/>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856248"/>
        <a:ext cx="48344" cy="48344"/>
      </dsp:txXfrm>
    </dsp:sp>
    <dsp:sp modelId="{664546CA-B3A7-4293-B38E-E812B13A4847}">
      <dsp:nvSpPr>
        <dsp:cNvPr id="0" name=""/>
        <dsp:cNvSpPr/>
      </dsp:nvSpPr>
      <dsp:spPr>
        <a:xfrm>
          <a:off x="3753742" y="3929555"/>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4. Information Use</a:t>
          </a:r>
        </a:p>
      </dsp:txBody>
      <dsp:txXfrm>
        <a:off x="3772930" y="3948743"/>
        <a:ext cx="1682449" cy="616752"/>
      </dsp:txXfrm>
    </dsp:sp>
    <dsp:sp modelId="{DBA7C561-2618-4FE5-90B6-A993EEB1077D}">
      <dsp:nvSpPr>
        <dsp:cNvPr id="0" name=""/>
        <dsp:cNvSpPr/>
      </dsp:nvSpPr>
      <dsp:spPr>
        <a:xfrm rot="4085426">
          <a:off x="2638683" y="4246517"/>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4216516"/>
        <a:ext cx="81204" cy="81204"/>
      </dsp:txXfrm>
    </dsp:sp>
    <dsp:sp modelId="{E15B6777-549E-4BDC-90CE-3F57DDBD6452}">
      <dsp:nvSpPr>
        <dsp:cNvPr id="0" name=""/>
        <dsp:cNvSpPr/>
      </dsp:nvSpPr>
      <dsp:spPr>
        <a:xfrm>
          <a:off x="3753742" y="468295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5. Administer M&amp;E Activities</a:t>
          </a:r>
        </a:p>
      </dsp:txBody>
      <dsp:txXfrm>
        <a:off x="3772930" y="4702140"/>
        <a:ext cx="1682449" cy="616752"/>
      </dsp:txXfrm>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2208B9D-5B84-4A53-8BD1-061C482929AE}">
      <dsp:nvSpPr>
        <dsp:cNvPr id="0" name=""/>
        <dsp:cNvSpPr/>
      </dsp:nvSpPr>
      <dsp:spPr>
        <a:xfrm>
          <a:off x="4593558" y="850"/>
          <a:ext cx="1116944" cy="1116944"/>
        </a:xfrm>
        <a:prstGeom prst="ellipse">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Identify data needs</a:t>
          </a:r>
        </a:p>
      </dsp:txBody>
      <dsp:txXfrm>
        <a:off x="4757131" y="164423"/>
        <a:ext cx="789798" cy="789798"/>
      </dsp:txXfrm>
    </dsp:sp>
    <dsp:sp modelId="{E8FAE9D3-1392-4DA1-84B6-4CCB220C3BB8}">
      <dsp:nvSpPr>
        <dsp:cNvPr id="0" name=""/>
        <dsp:cNvSpPr/>
      </dsp:nvSpPr>
      <dsp:spPr>
        <a:xfrm rot="1080000">
          <a:off x="5792790" y="627126"/>
          <a:ext cx="296028" cy="376968"/>
        </a:xfrm>
        <a:prstGeom prst="rightArrow">
          <a:avLst>
            <a:gd name="adj1" fmla="val 60000"/>
            <a:gd name="adj2" fmla="val 50000"/>
          </a:avLst>
        </a:prstGeom>
        <a:gradFill rotWithShape="0">
          <a:gsLst>
            <a:gs pos="0">
              <a:schemeClr val="accent2">
                <a:hueOff val="0"/>
                <a:satOff val="0"/>
                <a:lumOff val="0"/>
                <a:alphaOff val="0"/>
                <a:tint val="96000"/>
                <a:lumMod val="104000"/>
              </a:schemeClr>
            </a:gs>
            <a:gs pos="100000">
              <a:schemeClr val="accent2">
                <a:hueOff val="0"/>
                <a:satOff val="0"/>
                <a:lumOff val="0"/>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5794963" y="688798"/>
        <a:ext cx="207220" cy="226180"/>
      </dsp:txXfrm>
    </dsp:sp>
    <dsp:sp modelId="{04EF35E1-6994-4CD2-A609-A995D5D54997}">
      <dsp:nvSpPr>
        <dsp:cNvPr id="0" name=""/>
        <dsp:cNvSpPr/>
      </dsp:nvSpPr>
      <dsp:spPr>
        <a:xfrm>
          <a:off x="6187043" y="518605"/>
          <a:ext cx="1116944" cy="1116944"/>
        </a:xfrm>
        <a:prstGeom prst="ellipse">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19050" tIns="19050" rIns="19050" bIns="19050" numCol="1" spcCol="1270" anchor="ctr" anchorCtr="0">
          <a:noAutofit/>
        </a:bodyPr>
        <a:lstStyle/>
        <a:p>
          <a:pPr marL="0" lvl="0" indent="0" algn="ctr" defTabSz="666750">
            <a:lnSpc>
              <a:spcPct val="90000"/>
            </a:lnSpc>
            <a:spcBef>
              <a:spcPct val="0"/>
            </a:spcBef>
            <a:spcAft>
              <a:spcPct val="35000"/>
            </a:spcAft>
            <a:buNone/>
          </a:pPr>
          <a:r>
            <a:rPr lang="en-US" sz="1500" kern="1200" dirty="0"/>
            <a:t>Create forms &amp; process</a:t>
          </a:r>
        </a:p>
      </dsp:txBody>
      <dsp:txXfrm>
        <a:off x="6350616" y="682178"/>
        <a:ext cx="789798" cy="789798"/>
      </dsp:txXfrm>
    </dsp:sp>
    <dsp:sp modelId="{62117C00-F47F-45BD-A88D-EC573CA4A872}">
      <dsp:nvSpPr>
        <dsp:cNvPr id="0" name=""/>
        <dsp:cNvSpPr/>
      </dsp:nvSpPr>
      <dsp:spPr>
        <a:xfrm rot="3240000">
          <a:off x="7084990" y="1559564"/>
          <a:ext cx="296028" cy="376968"/>
        </a:xfrm>
        <a:prstGeom prst="rightArrow">
          <a:avLst>
            <a:gd name="adj1" fmla="val 60000"/>
            <a:gd name="adj2" fmla="val 50000"/>
          </a:avLst>
        </a:prstGeom>
        <a:gradFill rotWithShape="0">
          <a:gsLst>
            <a:gs pos="0">
              <a:schemeClr val="accent2">
                <a:hueOff val="50352"/>
                <a:satOff val="-5333"/>
                <a:lumOff val="-131"/>
                <a:alphaOff val="0"/>
                <a:tint val="96000"/>
                <a:lumMod val="104000"/>
              </a:schemeClr>
            </a:gs>
            <a:gs pos="100000">
              <a:schemeClr val="accent2">
                <a:hueOff val="50352"/>
                <a:satOff val="-5333"/>
                <a:lumOff val="-13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7103294" y="1599034"/>
        <a:ext cx="207220" cy="226180"/>
      </dsp:txXfrm>
    </dsp:sp>
    <dsp:sp modelId="{3D28F87A-A54F-4F9E-93D0-051E140E9CB8}">
      <dsp:nvSpPr>
        <dsp:cNvPr id="0" name=""/>
        <dsp:cNvSpPr/>
      </dsp:nvSpPr>
      <dsp:spPr>
        <a:xfrm>
          <a:off x="7171871" y="1874104"/>
          <a:ext cx="1116944" cy="1116944"/>
        </a:xfrm>
        <a:prstGeom prst="ellipse">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Test forms &amp; process</a:t>
          </a:r>
        </a:p>
      </dsp:txBody>
      <dsp:txXfrm>
        <a:off x="7335444" y="2037677"/>
        <a:ext cx="789798" cy="789798"/>
      </dsp:txXfrm>
    </dsp:sp>
    <dsp:sp modelId="{222EE20C-312F-49E9-A1FD-0D95FA7C24E1}">
      <dsp:nvSpPr>
        <dsp:cNvPr id="0" name=""/>
        <dsp:cNvSpPr/>
      </dsp:nvSpPr>
      <dsp:spPr>
        <a:xfrm rot="5400000">
          <a:off x="7582328" y="3073459"/>
          <a:ext cx="296028" cy="376968"/>
        </a:xfrm>
        <a:prstGeom prst="rightArrow">
          <a:avLst>
            <a:gd name="adj1" fmla="val 60000"/>
            <a:gd name="adj2" fmla="val 50000"/>
          </a:avLst>
        </a:prstGeom>
        <a:gradFill rotWithShape="0">
          <a:gsLst>
            <a:gs pos="0">
              <a:schemeClr val="accent2">
                <a:hueOff val="100703"/>
                <a:satOff val="-10665"/>
                <a:lumOff val="-261"/>
                <a:alphaOff val="0"/>
                <a:tint val="96000"/>
                <a:lumMod val="104000"/>
              </a:schemeClr>
            </a:gs>
            <a:gs pos="100000">
              <a:schemeClr val="accent2">
                <a:hueOff val="100703"/>
                <a:satOff val="-10665"/>
                <a:lumOff val="-261"/>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7626732" y="3104449"/>
        <a:ext cx="207220" cy="226180"/>
      </dsp:txXfrm>
    </dsp:sp>
    <dsp:sp modelId="{9E72C8EC-FC87-45A1-81BD-5C62AFED15E0}">
      <dsp:nvSpPr>
        <dsp:cNvPr id="0" name=""/>
        <dsp:cNvSpPr/>
      </dsp:nvSpPr>
      <dsp:spPr>
        <a:xfrm>
          <a:off x="7171871" y="3549594"/>
          <a:ext cx="1116944" cy="1116944"/>
        </a:xfrm>
        <a:prstGeom prst="ellipse">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Roll-out forms &amp; process</a:t>
          </a:r>
        </a:p>
      </dsp:txBody>
      <dsp:txXfrm>
        <a:off x="7335444" y="3713167"/>
        <a:ext cx="789798" cy="789798"/>
      </dsp:txXfrm>
    </dsp:sp>
    <dsp:sp modelId="{4172FDB8-FD75-44E6-B636-F169466EA6F2}">
      <dsp:nvSpPr>
        <dsp:cNvPr id="0" name=""/>
        <dsp:cNvSpPr/>
      </dsp:nvSpPr>
      <dsp:spPr>
        <a:xfrm rot="7560000">
          <a:off x="7265977" y="4468479"/>
          <a:ext cx="131136" cy="376968"/>
        </a:xfrm>
        <a:prstGeom prst="rightArrow">
          <a:avLst>
            <a:gd name="adj1" fmla="val 60000"/>
            <a:gd name="adj2" fmla="val 50000"/>
          </a:avLst>
        </a:prstGeom>
        <a:gradFill rotWithShape="0">
          <a:gsLst>
            <a:gs pos="0">
              <a:schemeClr val="accent2">
                <a:hueOff val="151055"/>
                <a:satOff val="-15998"/>
                <a:lumOff val="-392"/>
                <a:alphaOff val="0"/>
                <a:tint val="96000"/>
                <a:lumMod val="104000"/>
              </a:schemeClr>
            </a:gs>
            <a:gs pos="100000">
              <a:schemeClr val="accent2">
                <a:hueOff val="151055"/>
                <a:satOff val="-15998"/>
                <a:lumOff val="-392"/>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7297210" y="4527959"/>
        <a:ext cx="91795" cy="226180"/>
      </dsp:txXfrm>
    </dsp:sp>
    <dsp:sp modelId="{C5FBF30B-7429-4704-90D2-4454965FD314}">
      <dsp:nvSpPr>
        <dsp:cNvPr id="0" name=""/>
        <dsp:cNvSpPr/>
      </dsp:nvSpPr>
      <dsp:spPr>
        <a:xfrm>
          <a:off x="5835686" y="4613174"/>
          <a:ext cx="1819658" cy="1700781"/>
        </a:xfrm>
        <a:prstGeom prst="ellipse">
          <a:avLst/>
        </a:prstGeom>
        <a:solidFill>
          <a:schemeClr val="accent1"/>
        </a:soli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Collect data</a:t>
          </a:r>
        </a:p>
      </dsp:txBody>
      <dsp:txXfrm>
        <a:off x="6102169" y="4862248"/>
        <a:ext cx="1286692" cy="1202633"/>
      </dsp:txXfrm>
    </dsp:sp>
    <dsp:sp modelId="{9BDCB39E-9B45-4116-ADAB-0FEE6C6B1C4B}">
      <dsp:nvSpPr>
        <dsp:cNvPr id="0" name=""/>
        <dsp:cNvSpPr/>
      </dsp:nvSpPr>
      <dsp:spPr>
        <a:xfrm rot="9720000">
          <a:off x="5731141" y="5586295"/>
          <a:ext cx="113106" cy="376968"/>
        </a:xfrm>
        <a:prstGeom prst="rightArrow">
          <a:avLst>
            <a:gd name="adj1" fmla="val 60000"/>
            <a:gd name="adj2" fmla="val 50000"/>
          </a:avLst>
        </a:prstGeom>
        <a:gradFill rotWithShape="0">
          <a:gsLst>
            <a:gs pos="0">
              <a:schemeClr val="accent2">
                <a:hueOff val="201407"/>
                <a:satOff val="-21330"/>
                <a:lumOff val="-523"/>
                <a:alphaOff val="0"/>
                <a:tint val="96000"/>
                <a:lumMod val="104000"/>
              </a:schemeClr>
            </a:gs>
            <a:gs pos="100000">
              <a:schemeClr val="accent2">
                <a:hueOff val="201407"/>
                <a:satOff val="-21330"/>
                <a:lumOff val="-52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5764243" y="5656446"/>
        <a:ext cx="79174" cy="226180"/>
      </dsp:txXfrm>
    </dsp:sp>
    <dsp:sp modelId="{72DBBB8A-A9D2-4A5B-A5A3-76FDD3B65AE9}">
      <dsp:nvSpPr>
        <dsp:cNvPr id="0" name=""/>
        <dsp:cNvSpPr/>
      </dsp:nvSpPr>
      <dsp:spPr>
        <a:xfrm>
          <a:off x="4593558" y="5422847"/>
          <a:ext cx="1116944" cy="1116944"/>
        </a:xfrm>
        <a:prstGeom prst="ellipse">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Enter data into system</a:t>
          </a:r>
        </a:p>
      </dsp:txBody>
      <dsp:txXfrm>
        <a:off x="4757131" y="5586420"/>
        <a:ext cx="789798" cy="789798"/>
      </dsp:txXfrm>
    </dsp:sp>
    <dsp:sp modelId="{5C8BDD24-6C65-47C3-86C6-768CD8448650}">
      <dsp:nvSpPr>
        <dsp:cNvPr id="0" name=""/>
        <dsp:cNvSpPr/>
      </dsp:nvSpPr>
      <dsp:spPr>
        <a:xfrm rot="11880000">
          <a:off x="4215241" y="5536547"/>
          <a:ext cx="296028" cy="376968"/>
        </a:xfrm>
        <a:prstGeom prst="rightArrow">
          <a:avLst>
            <a:gd name="adj1" fmla="val 60000"/>
            <a:gd name="adj2" fmla="val 50000"/>
          </a:avLst>
        </a:prstGeom>
        <a:gradFill rotWithShape="0">
          <a:gsLst>
            <a:gs pos="0">
              <a:schemeClr val="accent2">
                <a:hueOff val="251758"/>
                <a:satOff val="-26663"/>
                <a:lumOff val="-653"/>
                <a:alphaOff val="0"/>
                <a:tint val="96000"/>
                <a:lumMod val="104000"/>
              </a:schemeClr>
            </a:gs>
            <a:gs pos="100000">
              <a:schemeClr val="accent2">
                <a:hueOff val="251758"/>
                <a:satOff val="-26663"/>
                <a:lumOff val="-653"/>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4301876" y="5625663"/>
        <a:ext cx="207220" cy="226180"/>
      </dsp:txXfrm>
    </dsp:sp>
    <dsp:sp modelId="{35D7121D-85F0-4E7F-8752-D7A676C355D2}">
      <dsp:nvSpPr>
        <dsp:cNvPr id="0" name=""/>
        <dsp:cNvSpPr/>
      </dsp:nvSpPr>
      <dsp:spPr>
        <a:xfrm>
          <a:off x="3000073" y="4905093"/>
          <a:ext cx="1116944" cy="1116944"/>
        </a:xfrm>
        <a:prstGeom prst="ellipse">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Validate data</a:t>
          </a:r>
        </a:p>
      </dsp:txBody>
      <dsp:txXfrm>
        <a:off x="3163646" y="5068666"/>
        <a:ext cx="789798" cy="789798"/>
      </dsp:txXfrm>
    </dsp:sp>
    <dsp:sp modelId="{3A8E9418-1B85-41DA-A8B4-76F2AEC9B2DE}">
      <dsp:nvSpPr>
        <dsp:cNvPr id="0" name=""/>
        <dsp:cNvSpPr/>
      </dsp:nvSpPr>
      <dsp:spPr>
        <a:xfrm rot="14040000">
          <a:off x="2923041" y="4604109"/>
          <a:ext cx="296028" cy="376968"/>
        </a:xfrm>
        <a:prstGeom prst="rightArrow">
          <a:avLst>
            <a:gd name="adj1" fmla="val 60000"/>
            <a:gd name="adj2" fmla="val 50000"/>
          </a:avLst>
        </a:prstGeom>
        <a:gradFill rotWithShape="0">
          <a:gsLst>
            <a:gs pos="0">
              <a:schemeClr val="accent2">
                <a:hueOff val="302110"/>
                <a:satOff val="-31995"/>
                <a:lumOff val="-784"/>
                <a:alphaOff val="0"/>
                <a:tint val="96000"/>
                <a:lumMod val="104000"/>
              </a:schemeClr>
            </a:gs>
            <a:gs pos="100000">
              <a:schemeClr val="accent2">
                <a:hueOff val="302110"/>
                <a:satOff val="-31995"/>
                <a:lumOff val="-784"/>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rot="10800000">
        <a:off x="2993545" y="4715427"/>
        <a:ext cx="207220" cy="226180"/>
      </dsp:txXfrm>
    </dsp:sp>
    <dsp:sp modelId="{1A417AE2-7DCE-4A5B-AA84-E44756AEBA25}">
      <dsp:nvSpPr>
        <dsp:cNvPr id="0" name=""/>
        <dsp:cNvSpPr/>
      </dsp:nvSpPr>
      <dsp:spPr>
        <a:xfrm>
          <a:off x="2015245" y="3549594"/>
          <a:ext cx="1116944" cy="1116944"/>
        </a:xfrm>
        <a:prstGeom prst="ellipse">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Manage data in MIS</a:t>
          </a:r>
        </a:p>
      </dsp:txBody>
      <dsp:txXfrm>
        <a:off x="2178818" y="3713167"/>
        <a:ext cx="789798" cy="789798"/>
      </dsp:txXfrm>
    </dsp:sp>
    <dsp:sp modelId="{7DA4E6F5-5F82-4992-89FB-9A13017CE0DB}">
      <dsp:nvSpPr>
        <dsp:cNvPr id="0" name=""/>
        <dsp:cNvSpPr/>
      </dsp:nvSpPr>
      <dsp:spPr>
        <a:xfrm rot="16200000">
          <a:off x="2425703" y="3090215"/>
          <a:ext cx="296028" cy="376968"/>
        </a:xfrm>
        <a:prstGeom prst="rightArrow">
          <a:avLst>
            <a:gd name="adj1" fmla="val 60000"/>
            <a:gd name="adj2" fmla="val 50000"/>
          </a:avLst>
        </a:prstGeom>
        <a:gradFill rotWithShape="0">
          <a:gsLst>
            <a:gs pos="0">
              <a:schemeClr val="accent2">
                <a:hueOff val="352462"/>
                <a:satOff val="-37328"/>
                <a:lumOff val="-915"/>
                <a:alphaOff val="0"/>
                <a:tint val="96000"/>
                <a:lumMod val="104000"/>
              </a:schemeClr>
            </a:gs>
            <a:gs pos="100000">
              <a:schemeClr val="accent2">
                <a:hueOff val="352462"/>
                <a:satOff val="-37328"/>
                <a:lumOff val="-91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711200">
            <a:lnSpc>
              <a:spcPct val="90000"/>
            </a:lnSpc>
            <a:spcBef>
              <a:spcPct val="0"/>
            </a:spcBef>
            <a:spcAft>
              <a:spcPct val="35000"/>
            </a:spcAft>
            <a:buNone/>
          </a:pPr>
          <a:endParaRPr lang="en-US" sz="1600" kern="1200"/>
        </a:p>
      </dsp:txBody>
      <dsp:txXfrm>
        <a:off x="2470107" y="3210013"/>
        <a:ext cx="207220" cy="226180"/>
      </dsp:txXfrm>
    </dsp:sp>
    <dsp:sp modelId="{CDB41F4F-688C-4490-B89A-F947556A62B7}">
      <dsp:nvSpPr>
        <dsp:cNvPr id="0" name=""/>
        <dsp:cNvSpPr/>
      </dsp:nvSpPr>
      <dsp:spPr>
        <a:xfrm>
          <a:off x="2015245" y="1874104"/>
          <a:ext cx="1116944" cy="1116944"/>
        </a:xfrm>
        <a:prstGeom prst="ellipse">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Share information</a:t>
          </a:r>
        </a:p>
      </dsp:txBody>
      <dsp:txXfrm>
        <a:off x="2178818" y="2037677"/>
        <a:ext cx="789798" cy="789798"/>
      </dsp:txXfrm>
    </dsp:sp>
    <dsp:sp modelId="{EFB7B187-C31B-40AD-BE1E-5BA7F7DB24E7}">
      <dsp:nvSpPr>
        <dsp:cNvPr id="0" name=""/>
        <dsp:cNvSpPr/>
      </dsp:nvSpPr>
      <dsp:spPr>
        <a:xfrm rot="18360000">
          <a:off x="2913192" y="1573121"/>
          <a:ext cx="296028" cy="376968"/>
        </a:xfrm>
        <a:prstGeom prst="rightArrow">
          <a:avLst>
            <a:gd name="adj1" fmla="val 60000"/>
            <a:gd name="adj2" fmla="val 50000"/>
          </a:avLst>
        </a:prstGeom>
        <a:gradFill rotWithShape="0">
          <a:gsLst>
            <a:gs pos="0">
              <a:schemeClr val="accent2">
                <a:hueOff val="402813"/>
                <a:satOff val="-42660"/>
                <a:lumOff val="-1045"/>
                <a:alphaOff val="0"/>
                <a:tint val="96000"/>
                <a:lumMod val="104000"/>
              </a:schemeClr>
            </a:gs>
            <a:gs pos="100000">
              <a:schemeClr val="accent2">
                <a:hueOff val="402813"/>
                <a:satOff val="-42660"/>
                <a:lumOff val="-1045"/>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2931496" y="1684439"/>
        <a:ext cx="207220" cy="226180"/>
      </dsp:txXfrm>
    </dsp:sp>
    <dsp:sp modelId="{34E71618-BC08-4DDB-8255-A70153FCCC66}">
      <dsp:nvSpPr>
        <dsp:cNvPr id="0" name=""/>
        <dsp:cNvSpPr/>
      </dsp:nvSpPr>
      <dsp:spPr>
        <a:xfrm>
          <a:off x="3000073" y="518605"/>
          <a:ext cx="1116944" cy="1116944"/>
        </a:xfrm>
        <a:prstGeom prst="ellipse">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prstMaterial="plastic">
          <a:bevelT w="120900" h="88900"/>
          <a:bevelB w="88900" h="31750" prst="angle"/>
        </a:sp3d>
      </dsp:spPr>
      <dsp:style>
        <a:lnRef idx="0">
          <a:scrgbClr r="0" g="0" b="0"/>
        </a:lnRef>
        <a:fillRef idx="3">
          <a:scrgbClr r="0" g="0" b="0"/>
        </a:fillRef>
        <a:effectRef idx="2">
          <a:scrgbClr r="0" g="0" b="0"/>
        </a:effectRef>
        <a:fontRef idx="minor">
          <a:schemeClr val="lt1"/>
        </a:fontRef>
      </dsp:style>
      <dsp:txBody>
        <a:bodyPr spcFirstLastPara="0" vert="horz" wrap="square" lIns="20320" tIns="20320" rIns="20320" bIns="20320" numCol="1" spcCol="1270" anchor="ctr" anchorCtr="0">
          <a:noAutofit/>
        </a:bodyPr>
        <a:lstStyle/>
        <a:p>
          <a:pPr marL="0" lvl="0" indent="0" algn="ctr" defTabSz="711200">
            <a:lnSpc>
              <a:spcPct val="90000"/>
            </a:lnSpc>
            <a:spcBef>
              <a:spcPct val="0"/>
            </a:spcBef>
            <a:spcAft>
              <a:spcPct val="35000"/>
            </a:spcAft>
            <a:buNone/>
          </a:pPr>
          <a:r>
            <a:rPr lang="en-US" sz="1600" kern="1200" dirty="0"/>
            <a:t>Facilitate data use</a:t>
          </a:r>
        </a:p>
      </dsp:txBody>
      <dsp:txXfrm>
        <a:off x="3163646" y="682178"/>
        <a:ext cx="789798" cy="789798"/>
      </dsp:txXfrm>
    </dsp:sp>
    <dsp:sp modelId="{837037DB-FD11-48C1-8969-B6A62613B709}">
      <dsp:nvSpPr>
        <dsp:cNvPr id="0" name=""/>
        <dsp:cNvSpPr/>
      </dsp:nvSpPr>
      <dsp:spPr>
        <a:xfrm rot="20520000">
          <a:off x="4199305" y="632304"/>
          <a:ext cx="296028" cy="376968"/>
        </a:xfrm>
        <a:prstGeom prst="rightArrow">
          <a:avLst>
            <a:gd name="adj1" fmla="val 60000"/>
            <a:gd name="adj2" fmla="val 50000"/>
          </a:avLst>
        </a:prstGeom>
        <a:gradFill rotWithShape="0">
          <a:gsLst>
            <a:gs pos="0">
              <a:schemeClr val="accent2">
                <a:hueOff val="453165"/>
                <a:satOff val="-47993"/>
                <a:lumOff val="-1176"/>
                <a:alphaOff val="0"/>
                <a:tint val="96000"/>
                <a:lumMod val="104000"/>
              </a:schemeClr>
            </a:gs>
            <a:gs pos="100000">
              <a:schemeClr val="accent2">
                <a:hueOff val="453165"/>
                <a:satOff val="-47993"/>
                <a:lumOff val="-1176"/>
                <a:alphaOff val="0"/>
                <a:shade val="98000"/>
                <a:lumMod val="94000"/>
              </a:schemeClr>
            </a:gs>
          </a:gsLst>
          <a:lin ang="5400000" scaled="0"/>
        </a:gradFill>
        <a:ln>
          <a:noFill/>
        </a:ln>
        <a:effectLst>
          <a:outerShdw blurRad="38100" dist="25400" dir="5400000" rotWithShape="0">
            <a:srgbClr val="000000">
              <a:alpha val="25000"/>
            </a:srgbClr>
          </a:outerShdw>
        </a:effectLst>
        <a:scene3d>
          <a:camera prst="orthographicFront"/>
          <a:lightRig rig="flat" dir="t"/>
        </a:scene3d>
        <a:sp3d z="-80000" prstMaterial="plastic">
          <a:bevelT w="50800" h="50800"/>
          <a:bevelB w="25400" h="25400" prst="angle"/>
        </a:sp3d>
      </dsp:spPr>
      <dsp:style>
        <a:lnRef idx="0">
          <a:scrgbClr r="0" g="0" b="0"/>
        </a:lnRef>
        <a:fillRef idx="3">
          <a:scrgbClr r="0" g="0" b="0"/>
        </a:fillRef>
        <a:effectRef idx="2">
          <a:scrgbClr r="0" g="0" b="0"/>
        </a:effectRef>
        <a:fontRef idx="minor">
          <a:schemeClr val="lt1"/>
        </a:fontRef>
      </dsp:style>
      <dsp:txBody>
        <a:bodyPr spcFirstLastPara="0" vert="horz" wrap="square" lIns="0" tIns="0" rIns="0" bIns="0" numCol="1" spcCol="1270" anchor="ctr" anchorCtr="0">
          <a:noAutofit/>
        </a:bodyPr>
        <a:lstStyle/>
        <a:p>
          <a:pPr marL="0" lvl="0" indent="0" algn="ctr" defTabSz="533400">
            <a:lnSpc>
              <a:spcPct val="90000"/>
            </a:lnSpc>
            <a:spcBef>
              <a:spcPct val="0"/>
            </a:spcBef>
            <a:spcAft>
              <a:spcPct val="35000"/>
            </a:spcAft>
            <a:buNone/>
          </a:pPr>
          <a:endParaRPr lang="en-US" sz="1200" kern="1200"/>
        </a:p>
      </dsp:txBody>
      <dsp:txXfrm>
        <a:off x="4201478" y="721420"/>
        <a:ext cx="207220" cy="226180"/>
      </dsp:txXfrm>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2884A2A-8E53-4112-9DE3-DE230261DD52}">
      <dsp:nvSpPr>
        <dsp:cNvPr id="0" name=""/>
        <dsp:cNvSpPr/>
      </dsp:nvSpPr>
      <dsp:spPr>
        <a:xfrm>
          <a:off x="3581954" y="0"/>
          <a:ext cx="2064990" cy="5561463"/>
        </a:xfrm>
        <a:prstGeom prst="roundRect">
          <a:avLst>
            <a:gd name="adj" fmla="val 10000"/>
          </a:avLst>
        </a:prstGeom>
        <a:solidFill>
          <a:schemeClr val="accent2"/>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Outcomes:</a:t>
          </a:r>
        </a:p>
      </dsp:txBody>
      <dsp:txXfrm>
        <a:off x="3581954" y="0"/>
        <a:ext cx="2064990" cy="1668438"/>
      </dsp:txXfrm>
    </dsp:sp>
    <dsp:sp modelId="{13418BFB-9BC6-43E7-B451-A2DFE3D84DD6}">
      <dsp:nvSpPr>
        <dsp:cNvPr id="0" name=""/>
        <dsp:cNvSpPr/>
      </dsp:nvSpPr>
      <dsp:spPr>
        <a:xfrm>
          <a:off x="1254912" y="0"/>
          <a:ext cx="2064990" cy="5561463"/>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99568" tIns="99568" rIns="99568" bIns="99568"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Objective: </a:t>
          </a:r>
          <a:endParaRPr lang="en-US" sz="1400" kern="1200" dirty="0">
            <a:ln>
              <a:noFill/>
            </a:ln>
            <a:solidFill>
              <a:sysClr val="windowText" lastClr="000000"/>
            </a:solidFill>
          </a:endParaRPr>
        </a:p>
      </dsp:txBody>
      <dsp:txXfrm>
        <a:off x="1254912" y="0"/>
        <a:ext cx="2064990" cy="1668438"/>
      </dsp:txXfrm>
    </dsp:sp>
    <dsp:sp modelId="{A20A70B0-9FDE-4579-9A85-88B02A2E608A}">
      <dsp:nvSpPr>
        <dsp:cNvPr id="0" name=""/>
        <dsp:cNvSpPr/>
      </dsp:nvSpPr>
      <dsp:spPr>
        <a:xfrm>
          <a:off x="1426896" y="3176157"/>
          <a:ext cx="1720825" cy="655128"/>
        </a:xfrm>
        <a:prstGeom prst="roundRect">
          <a:avLst>
            <a:gd name="adj" fmla="val 10000"/>
          </a:avLst>
        </a:prstGeom>
        <a:solidFill>
          <a:schemeClr val="accent1">
            <a:hueOff val="0"/>
            <a:satOff val="0"/>
            <a:lumOff val="0"/>
            <a:alphaOff val="0"/>
          </a:schemeClr>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b="1" kern="1200" dirty="0">
              <a:ln>
                <a:noFill/>
              </a:ln>
              <a:solidFill>
                <a:sysClr val="windowText" lastClr="000000"/>
              </a:solidFill>
            </a:rPr>
            <a:t>Functional &amp; Useful M&amp;E System</a:t>
          </a:r>
          <a:endParaRPr lang="en-US" sz="1400" kern="1200" dirty="0">
            <a:ln>
              <a:noFill/>
            </a:ln>
            <a:solidFill>
              <a:sysClr val="windowText" lastClr="000000"/>
            </a:solidFill>
          </a:endParaRPr>
        </a:p>
      </dsp:txBody>
      <dsp:txXfrm>
        <a:off x="1446084" y="3195345"/>
        <a:ext cx="1682449" cy="616752"/>
      </dsp:txXfrm>
    </dsp:sp>
    <dsp:sp modelId="{FF4E8691-E350-43B3-9083-FEECBB2340A4}">
      <dsp:nvSpPr>
        <dsp:cNvPr id="0" name=""/>
        <dsp:cNvSpPr/>
      </dsp:nvSpPr>
      <dsp:spPr>
        <a:xfrm rot="17514574">
          <a:off x="2638683" y="2739722"/>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2709721"/>
        <a:ext cx="81204" cy="81204"/>
      </dsp:txXfrm>
    </dsp:sp>
    <dsp:sp modelId="{8B3DDF95-FC0E-4373-B5A0-B87C85C7A039}">
      <dsp:nvSpPr>
        <dsp:cNvPr id="0" name=""/>
        <dsp:cNvSpPr/>
      </dsp:nvSpPr>
      <dsp:spPr>
        <a:xfrm>
          <a:off x="3753742" y="166936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1. Data Demand</a:t>
          </a:r>
        </a:p>
      </dsp:txBody>
      <dsp:txXfrm>
        <a:off x="3772930" y="1688550"/>
        <a:ext cx="1682449" cy="616752"/>
      </dsp:txXfrm>
    </dsp:sp>
    <dsp:sp modelId="{7478AFD0-B581-4ADB-876A-5D930E53F2A1}">
      <dsp:nvSpPr>
        <dsp:cNvPr id="0" name=""/>
        <dsp:cNvSpPr/>
      </dsp:nvSpPr>
      <dsp:spPr>
        <a:xfrm rot="18528756">
          <a:off x="2967289" y="3116421"/>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102850"/>
        <a:ext cx="48344" cy="48344"/>
      </dsp:txXfrm>
    </dsp:sp>
    <dsp:sp modelId="{743F437C-4266-4108-8546-DA92D068993A}">
      <dsp:nvSpPr>
        <dsp:cNvPr id="0" name=""/>
        <dsp:cNvSpPr/>
      </dsp:nvSpPr>
      <dsp:spPr>
        <a:xfrm>
          <a:off x="3753742" y="2422759"/>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2. Data Collection,  Processing, Management</a:t>
          </a:r>
        </a:p>
      </dsp:txBody>
      <dsp:txXfrm>
        <a:off x="3772930" y="2441947"/>
        <a:ext cx="1682449" cy="616752"/>
      </dsp:txXfrm>
    </dsp:sp>
    <dsp:sp modelId="{23A7F13A-1775-4D8F-844E-4C3A76CDAC5B}">
      <dsp:nvSpPr>
        <dsp:cNvPr id="0" name=""/>
        <dsp:cNvSpPr/>
      </dsp:nvSpPr>
      <dsp:spPr>
        <a:xfrm>
          <a:off x="3147722" y="3493119"/>
          <a:ext cx="606019" cy="21203"/>
        </a:xfrm>
        <a:custGeom>
          <a:avLst/>
          <a:gdLst/>
          <a:ahLst/>
          <a:cxnLst/>
          <a:rect l="0" t="0" r="0" b="0"/>
          <a:pathLst>
            <a:path>
              <a:moveTo>
                <a:pt x="0" y="10601"/>
              </a:moveTo>
              <a:lnTo>
                <a:pt x="606019"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35581" y="3488571"/>
        <a:ext cx="30300" cy="30300"/>
      </dsp:txXfrm>
    </dsp:sp>
    <dsp:sp modelId="{359DA775-31E6-4460-81E4-2ED2A585CC24}">
      <dsp:nvSpPr>
        <dsp:cNvPr id="0" name=""/>
        <dsp:cNvSpPr/>
      </dsp:nvSpPr>
      <dsp:spPr>
        <a:xfrm>
          <a:off x="3753742" y="3176157"/>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3. Information Availability</a:t>
          </a:r>
        </a:p>
      </dsp:txBody>
      <dsp:txXfrm>
        <a:off x="3772930" y="3195345"/>
        <a:ext cx="1682449" cy="616752"/>
      </dsp:txXfrm>
    </dsp:sp>
    <dsp:sp modelId="{B19B6641-C57C-4094-86BB-60F65D018E15}">
      <dsp:nvSpPr>
        <dsp:cNvPr id="0" name=""/>
        <dsp:cNvSpPr/>
      </dsp:nvSpPr>
      <dsp:spPr>
        <a:xfrm rot="3071244">
          <a:off x="2967289" y="3869818"/>
          <a:ext cx="966885" cy="21203"/>
        </a:xfrm>
        <a:custGeom>
          <a:avLst/>
          <a:gdLst/>
          <a:ahLst/>
          <a:cxnLst/>
          <a:rect l="0" t="0" r="0" b="0"/>
          <a:pathLst>
            <a:path>
              <a:moveTo>
                <a:pt x="0" y="10601"/>
              </a:moveTo>
              <a:lnTo>
                <a:pt x="966885"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26560" y="3856248"/>
        <a:ext cx="48344" cy="48344"/>
      </dsp:txXfrm>
    </dsp:sp>
    <dsp:sp modelId="{664546CA-B3A7-4293-B38E-E812B13A4847}">
      <dsp:nvSpPr>
        <dsp:cNvPr id="0" name=""/>
        <dsp:cNvSpPr/>
      </dsp:nvSpPr>
      <dsp:spPr>
        <a:xfrm>
          <a:off x="3753742" y="3929555"/>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4. Information Use</a:t>
          </a:r>
        </a:p>
      </dsp:txBody>
      <dsp:txXfrm>
        <a:off x="3772930" y="3948743"/>
        <a:ext cx="1682449" cy="616752"/>
      </dsp:txXfrm>
    </dsp:sp>
    <dsp:sp modelId="{DBA7C561-2618-4FE5-90B6-A993EEB1077D}">
      <dsp:nvSpPr>
        <dsp:cNvPr id="0" name=""/>
        <dsp:cNvSpPr/>
      </dsp:nvSpPr>
      <dsp:spPr>
        <a:xfrm rot="4085426">
          <a:off x="2638683" y="4246517"/>
          <a:ext cx="1624097" cy="21203"/>
        </a:xfrm>
        <a:custGeom>
          <a:avLst/>
          <a:gdLst/>
          <a:ahLst/>
          <a:cxnLst/>
          <a:rect l="0" t="0" r="0" b="0"/>
          <a:pathLst>
            <a:path>
              <a:moveTo>
                <a:pt x="0" y="10601"/>
              </a:moveTo>
              <a:lnTo>
                <a:pt x="1624097" y="10601"/>
              </a:lnTo>
            </a:path>
          </a:pathLst>
        </a:custGeom>
        <a:noFill/>
        <a:ln w="15875" cap="rnd"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txBody>
        <a:bodyPr spcFirstLastPara="0" vert="horz" wrap="square" lIns="12700" tIns="0" rIns="12700" bIns="0" numCol="1" spcCol="1270" anchor="ctr" anchorCtr="0">
          <a:noAutofit/>
        </a:bodyPr>
        <a:lstStyle/>
        <a:p>
          <a:pPr marL="0" lvl="0" indent="0" algn="ctr" defTabSz="222250">
            <a:lnSpc>
              <a:spcPct val="90000"/>
            </a:lnSpc>
            <a:spcBef>
              <a:spcPct val="0"/>
            </a:spcBef>
            <a:spcAft>
              <a:spcPct val="35000"/>
            </a:spcAft>
            <a:buNone/>
          </a:pPr>
          <a:endParaRPr lang="en-US" sz="500" kern="1200">
            <a:ln>
              <a:noFill/>
            </a:ln>
            <a:solidFill>
              <a:sysClr val="windowText" lastClr="000000"/>
            </a:solidFill>
          </a:endParaRPr>
        </a:p>
      </dsp:txBody>
      <dsp:txXfrm>
        <a:off x="3410130" y="4216516"/>
        <a:ext cx="81204" cy="81204"/>
      </dsp:txXfrm>
    </dsp:sp>
    <dsp:sp modelId="{E15B6777-549E-4BDC-90CE-3F57DDBD6452}">
      <dsp:nvSpPr>
        <dsp:cNvPr id="0" name=""/>
        <dsp:cNvSpPr/>
      </dsp:nvSpPr>
      <dsp:spPr>
        <a:xfrm>
          <a:off x="3753742" y="4682952"/>
          <a:ext cx="1720825" cy="655128"/>
        </a:xfrm>
        <a:prstGeom prst="roundRect">
          <a:avLst>
            <a:gd name="adj" fmla="val 10000"/>
          </a:avLst>
        </a:prstGeom>
        <a:solidFill>
          <a:schemeClr val="accent2"/>
        </a:solidFill>
        <a:ln w="15875" cap="rnd"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890" tIns="8890" rIns="8890" bIns="8890" numCol="1" spcCol="1270" anchor="ctr" anchorCtr="0">
          <a:noAutofit/>
        </a:bodyPr>
        <a:lstStyle/>
        <a:p>
          <a:pPr marL="0" lvl="0" indent="0" algn="ctr" defTabSz="622300">
            <a:lnSpc>
              <a:spcPct val="90000"/>
            </a:lnSpc>
            <a:spcBef>
              <a:spcPct val="0"/>
            </a:spcBef>
            <a:spcAft>
              <a:spcPct val="35000"/>
            </a:spcAft>
            <a:buNone/>
          </a:pPr>
          <a:r>
            <a:rPr lang="en-US" sz="1400" kern="1200" dirty="0">
              <a:ln>
                <a:noFill/>
              </a:ln>
              <a:solidFill>
                <a:sysClr val="windowText" lastClr="000000"/>
              </a:solidFill>
            </a:rPr>
            <a:t>5. Administer M&amp;E Activities</a:t>
          </a:r>
        </a:p>
      </dsp:txBody>
      <dsp:txXfrm>
        <a:off x="3772930" y="4702140"/>
        <a:ext cx="1682449" cy="616752"/>
      </dsp:txXfrm>
    </dsp:sp>
  </dsp:spTree>
</dsp:drawing>
</file>

<file path=ppt/diagrams/layout1.xml><?xml version="1.0" encoding="utf-8"?>
<dgm:layoutDef xmlns:dgm="http://schemas.openxmlformats.org/drawingml/2006/diagram" xmlns:a="http://schemas.openxmlformats.org/drawingml/2006/main" uniqueId="urn:microsoft.com/office/officeart/2005/8/layout/orgChart1">
  <dgm:title val=""/>
  <dgm:desc val=""/>
  <dgm:catLst>
    <dgm:cat type="hierarchy" pri="1000"/>
    <dgm:cat type="convert" pri="6000"/>
  </dgm:catLst>
  <dgm:sampData>
    <dgm:dataModel>
      <dgm:ptLst>
        <dgm:pt modelId="0" type="doc"/>
        <dgm:pt modelId="1">
          <dgm:prSet phldr="1"/>
        </dgm:pt>
        <dgm:pt modelId="2" type="asst">
          <dgm:prSet phldr="1"/>
        </dgm:pt>
        <dgm:pt modelId="3">
          <dgm:prSet phldr="1"/>
        </dgm:pt>
        <dgm:pt modelId="4">
          <dgm:prSet phldr="1"/>
        </dgm:pt>
        <dgm:pt modelId="5">
          <dgm:prSet phldr="1"/>
        </dgm:pt>
      </dgm:ptLst>
      <dgm:cxnLst>
        <dgm:cxn modelId="5" srcId="0" destId="1" srcOrd="0" destOrd="0"/>
        <dgm:cxn modelId="6" srcId="1" destId="2" srcOrd="0" destOrd="0"/>
        <dgm:cxn modelId="7" srcId="1" destId="3" srcOrd="1" destOrd="0"/>
        <dgm:cxn modelId="8" srcId="1" destId="4" srcOrd="2" destOrd="0"/>
        <dgm:cxn modelId="9" srcId="1" destId="5" srcOrd="3" destOrd="0"/>
      </dgm:cxnLst>
      <dgm:bg/>
      <dgm:whole/>
    </dgm:dataModel>
  </dgm:sampData>
  <dgm:styleData>
    <dgm:dataModel>
      <dgm:ptLst>
        <dgm:pt modelId="0" type="doc"/>
        <dgm:pt modelId="1"/>
        <dgm:pt modelId="12"/>
        <dgm:pt modelId="13"/>
      </dgm:ptLst>
      <dgm:cxnLst>
        <dgm:cxn modelId="2" srcId="0" destId="1" srcOrd="0" destOrd="0"/>
        <dgm:cxn modelId="16" srcId="1" destId="12" srcOrd="1" destOrd="0"/>
        <dgm:cxn modelId="17" srcId="1" destId="13" srcOrd="2" destOrd="0"/>
      </dgm:cxnLst>
      <dgm:bg/>
      <dgm:whole/>
    </dgm:dataModel>
  </dgm:styleData>
  <dgm:clrData>
    <dgm:dataModel>
      <dgm:ptLst>
        <dgm:pt modelId="0" type="doc"/>
        <dgm:pt modelId="1"/>
        <dgm:pt modelId="11" type="asst"/>
        <dgm:pt modelId="12"/>
        <dgm:pt modelId="13"/>
        <dgm:pt modelId="14"/>
      </dgm:ptLst>
      <dgm:cxnLst>
        <dgm:cxn modelId="2" srcId="0" destId="1" srcOrd="0" destOrd="0"/>
        <dgm:cxn modelId="15" srcId="1" destId="11" srcOrd="0" destOrd="0"/>
        <dgm:cxn modelId="16" srcId="1" destId="12" srcOrd="1" destOrd="0"/>
        <dgm:cxn modelId="17" srcId="1" destId="13" srcOrd="2" destOrd="0"/>
        <dgm:cxn modelId="18" srcId="1" destId="14" srcOrd="2" destOrd="0"/>
      </dgm:cxnLst>
      <dgm:bg/>
      <dgm:whole/>
    </dgm:dataModel>
  </dgm:clrData>
  <dgm:layoutNode name="hierChild1">
    <dgm:varLst>
      <dgm:orgChart val="1"/>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w" for="des" forName="rootComposite1" refType="w" fact="10"/>
      <dgm:constr type="h" for="des" forName="rootComposite1" refType="w" refFor="des" refForName="rootComposite1" fact="0.5"/>
      <dgm:constr type="w" for="des" forName="rootComposite" refType="w" fact="10"/>
      <dgm:constr type="h" for="des" forName="rootComposite" refType="w" refFor="des" refForName="rootComposite1" fact="0.5"/>
      <dgm:constr type="w" for="des" forName="rootComposite3" refType="w" fact="10"/>
      <dgm:constr type="h" for="des" forName="rootComposite3" refType="w" refFor="des" refForName="rootComposite1" fact="0.5"/>
      <dgm:constr type="primFontSz" for="des" ptType="node" op="equ"/>
      <dgm:constr type="sp" for="des" op="equ"/>
      <dgm:constr type="sp" for="des" forName="hierRoot1" refType="w" refFor="des" refForName="rootComposite1" fact="0.21"/>
      <dgm:constr type="sp" for="des" forName="hierRoot2" refType="sp" refFor="des" refForName="hierRoot1"/>
      <dgm:constr type="sp" for="des" forName="hierRoot3" refType="sp" refFor="des" refForName="hierRoot1"/>
      <dgm:constr type="sibSp" refType="w" refFor="des" refForName="rootComposite1" fact="0.2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ibSp" for="des" forName="hierChild7" refType="sibSp"/>
      <dgm:constr type="secSibSp" refType="w" refFor="des" refForName="rootComposite1" fact="0.21"/>
      <dgm:constr type="secSibSp" for="des" forName="hierChild2" refType="secSibSp"/>
      <dgm:constr type="secSibSp" for="des" forName="hierChild3" refType="secSibSp"/>
      <dgm:constr type="secSibSp" for="des" forName="hierChild4" refType="secSibSp"/>
      <dgm:constr type="secSibSp" for="des" forName="hierChild5" refType="secSibSp"/>
      <dgm:constr type="secSibSp" for="des" forName="hierChild6" refType="secSibSp"/>
      <dgm:constr type="secSibSp" for="des" forName="hierChild7" refType="secSibSp"/>
    </dgm:constrLst>
    <dgm:ruleLst/>
    <dgm:forEach name="Name3" axis="ch">
      <dgm:forEach name="Name4" axis="self" ptType="node">
        <dgm:layoutNode name="hierRoot1">
          <dgm:varLst>
            <dgm:hierBranch val="init"/>
          </dgm:varLst>
          <dgm:choose name="Name5">
            <dgm:if name="Name6" func="var" arg="hierBranch" op="equ" val="l">
              <dgm:choose name="Name7">
                <dgm:if name="Name8" axis="ch" ptType="asst" func="cnt" op="gte" val="1">
                  <dgm:alg type="hierRoot">
                    <dgm:param type="hierAlign" val="tR"/>
                  </dgm:alg>
                  <dgm:constrLst>
                    <dgm:constr type="alignOff" val="0.65"/>
                  </dgm:constrLst>
                </dgm:if>
                <dgm:else name="Name9">
                  <dgm:alg type="hierRoot">
                    <dgm:param type="hierAlign" val="tR"/>
                  </dgm:alg>
                  <dgm:constrLst>
                    <dgm:constr type="alignOff" val="0.25"/>
                  </dgm:constrLst>
                </dgm:else>
              </dgm:choose>
            </dgm:if>
            <dgm:if name="Name10" func="var" arg="hierBranch" op="equ" val="r">
              <dgm:choose name="Name11">
                <dgm:if name="Name12" axis="ch" ptType="asst" func="cnt" op="gte" val="1">
                  <dgm:alg type="hierRoot">
                    <dgm:param type="hierAlign" val="tL"/>
                  </dgm:alg>
                  <dgm:constrLst>
                    <dgm:constr type="alignOff" val="0.65"/>
                  </dgm:constrLst>
                </dgm:if>
                <dgm:else name="Name13">
                  <dgm:alg type="hierRoot">
                    <dgm:param type="hierAlign" val="tL"/>
                  </dgm:alg>
                  <dgm:constrLst>
                    <dgm:constr type="alignOff" val="0.25"/>
                  </dgm:constrLst>
                </dgm:else>
              </dgm:choose>
            </dgm:if>
            <dgm:if name="Name14" func="var" arg="hierBranch" op="equ" val="hang">
              <dgm:alg type="hierRoot"/>
              <dgm:constrLst>
                <dgm:constr type="alignOff" val="0.65"/>
              </dgm:constrLst>
            </dgm:if>
            <dgm:else name="Name15">
              <dgm:alg type="hierRoot"/>
              <dgm:constrLst>
                <dgm:constr type="alignOff"/>
                <dgm:constr type="bendDist" for="des" ptType="parTrans" refType="sp" fact="0.5"/>
              </dgm:constrLst>
            </dgm:else>
          </dgm:choose>
          <dgm:shape xmlns:r="http://schemas.openxmlformats.org/officeDocument/2006/relationships" r:blip="">
            <dgm:adjLst/>
          </dgm:shape>
          <dgm:presOf/>
          <dgm:ruleLst/>
          <dgm:layoutNode name="rootComposite1">
            <dgm:alg type="composite"/>
            <dgm:shape xmlns:r="http://schemas.openxmlformats.org/officeDocument/2006/relationships" r:blip="">
              <dgm:adjLst/>
            </dgm:shape>
            <dgm:presOf axis="self" ptType="node" cnt="1"/>
            <dgm:choose name="Name16">
              <dgm:if name="Name17" func="var" arg="hierBranch" op="equ" val="init">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if name="Name18" func="var" arg="hierBranch" op="equ" val="l">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if>
              <dgm:if name="Name19" func="var" arg="hierBranch" op="equ" val="r">
                <dgm:constrLst>
                  <dgm:constr type="l" for="ch" forName="rootText1"/>
                  <dgm:constr type="t" for="ch" forName="rootText1"/>
                  <dgm:constr type="w" for="ch" forName="rootText1" refType="w"/>
                  <dgm:constr type="h" for="ch" forName="rootText1" refType="h"/>
                  <dgm:constr type="l" for="ch" forName="rootConnector1"/>
                  <dgm:constr type="t" for="ch" forName="rootConnector1"/>
                  <dgm:constr type="w" for="ch" forName="rootConnector1" refType="w" refFor="ch" refForName="rootText1" fact="0.2"/>
                  <dgm:constr type="h" for="ch" forName="rootConnector1" refType="h" refFor="ch" refForName="rootText1"/>
                </dgm:constrLst>
              </dgm:if>
              <dgm:else name="Name20">
                <dgm:constrLst>
                  <dgm:constr type="l" for="ch" forName="rootText1"/>
                  <dgm:constr type="t" for="ch" forName="rootText1"/>
                  <dgm:constr type="w" for="ch" forName="rootText1" refType="w"/>
                  <dgm:constr type="h" for="ch" forName="rootText1" refType="h"/>
                  <dgm:constr type="r" for="ch" forName="rootConnector1" refType="w"/>
                  <dgm:constr type="t" for="ch" forName="rootConnector1"/>
                  <dgm:constr type="w" for="ch" forName="rootConnector1" refType="w" refFor="ch" refForName="rootText1" fact="0.2"/>
                  <dgm:constr type="h" for="ch" forName="rootConnector1" refType="h" refFor="ch" refForName="rootText1"/>
                </dgm:constrLst>
              </dgm:else>
            </dgm:choose>
            <dgm:ruleLst/>
            <dgm:layoutNode name="rootText1" styleLbl="node0">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1" moveWith="rootText1">
              <dgm:alg type="sp"/>
              <dgm:shape xmlns:r="http://schemas.openxmlformats.org/officeDocument/2006/relationships" type="rect" r:blip="" hideGeom="1">
                <dgm:adjLst/>
              </dgm:shape>
              <dgm:presOf axis="self" ptType="node" cnt="1"/>
              <dgm:constrLst/>
              <dgm:ruleLst/>
            </dgm:layoutNode>
          </dgm:layoutNode>
          <dgm:layoutNode name="hierChild2">
            <dgm:choose name="Name21">
              <dgm:if name="Name22" func="var" arg="hierBranch" op="equ" val="l">
                <dgm:alg type="hierChild">
                  <dgm:param type="chAlign" val="r"/>
                  <dgm:param type="linDir" val="fromT"/>
                </dgm:alg>
              </dgm:if>
              <dgm:if name="Name23" func="var" arg="hierBranch" op="equ" val="r">
                <dgm:alg type="hierChild">
                  <dgm:param type="chAlign" val="l"/>
                  <dgm:param type="linDir" val="fromT"/>
                </dgm:alg>
              </dgm:if>
              <dgm:if name="Name24" func="var" arg="hierBranch" op="equ" val="hang">
                <dgm:choose name="Name25">
                  <dgm:if name="Name26" func="var" arg="dir" op="equ" val="norm">
                    <dgm:alg type="hierChild">
                      <dgm:param type="chAlign" val="l"/>
                      <dgm:param type="linDir" val="fromL"/>
                      <dgm:param type="secChAlign" val="t"/>
                      <dgm:param type="secLinDir" val="fromT"/>
                    </dgm:alg>
                  </dgm:if>
                  <dgm:else name="Name27">
                    <dgm:alg type="hierChild">
                      <dgm:param type="chAlign" val="l"/>
                      <dgm:param type="linDir" val="fromR"/>
                      <dgm:param type="secChAlign" val="t"/>
                      <dgm:param type="secLinDir" val="fromT"/>
                    </dgm:alg>
                  </dgm:else>
                </dgm:choose>
              </dgm:if>
              <dgm:else name="Name28">
                <dgm:choose name="Name29">
                  <dgm:if name="Name30" func="var" arg="dir" op="equ" val="norm">
                    <dgm:alg type="hierChild"/>
                  </dgm:if>
                  <dgm:else name="Name31">
                    <dgm:alg type="hierChild">
                      <dgm:param type="linDir" val="fromR"/>
                    </dgm:alg>
                  </dgm:else>
                </dgm:choose>
              </dgm:else>
            </dgm:choose>
            <dgm:shape xmlns:r="http://schemas.openxmlformats.org/officeDocument/2006/relationships" r:blip="">
              <dgm:adjLst/>
            </dgm:shape>
            <dgm:presOf/>
            <dgm:constrLst/>
            <dgm:ruleLst/>
            <dgm:forEach name="rep2a" axis="ch" ptType="nonAsst">
              <dgm:forEach name="Name32" axis="precedSib" ptType="parTrans" st="-1" cnt="1">
                <dgm:choose name="Name33">
                  <dgm:if name="Name34" func="var" arg="hierBranch" op="equ" val="std">
                    <dgm:layoutNode name="Name35">
                      <dgm:alg type="conn">
                        <dgm:param type="connRout" val="bend"/>
                        <dgm:param type="dim" val="1D"/>
                        <dgm:param type="endSty" val="noArr"/>
                        <dgm:param type="begPts" val="bCtr"/>
                        <dgm:param type="endPts" val="tCtr"/>
                        <dgm:param type="bendPt" val="end"/>
                      </dgm:alg>
                      <dgm:shape xmlns:r="http://schemas.openxmlformats.org/officeDocument/2006/relationships" type="conn" r:blip="" zOrderOff="-99999">
                        <dgm:adjLst/>
                      </dgm:shape>
                      <dgm:presOf axis="self"/>
                      <dgm:constrLst>
                        <dgm:constr type="begPad"/>
                        <dgm:constr type="endPad"/>
                      </dgm:constrLst>
                      <dgm:ruleLst/>
                    </dgm:layoutNode>
                  </dgm:if>
                  <dgm:if name="Name36" func="var" arg="hierBranch" op="equ" val="init">
                    <dgm:layoutNode name="Name37">
                      <dgm:choose name="Name38">
                        <dgm:if name="Name39" axis="self" func="depth" op="lte" val="2">
                          <dgm:alg type="conn">
                            <dgm:param type="connRout" val="bend"/>
                            <dgm:param type="dim" val="1D"/>
                            <dgm:param type="endSty" val="noArr"/>
                            <dgm:param type="begPts" val="bCtr"/>
                            <dgm:param type="endPts" val="tCtr"/>
                            <dgm:param type="bendPt" val="end"/>
                          </dgm:alg>
                        </dgm:if>
                        <dgm:else name="Name40">
                          <dgm:choose name="Name41">
                            <dgm:if name="Name42" axis="par des" func="maxDepth" op="lte" val="1">
                              <dgm:choose name="Name43">
                                <dgm:if name="Name44" axis="par ch" ptType="node asst" func="cnt" op="gte" val="1">
                                  <dgm:alg type="conn">
                                    <dgm:param type="connRout" val="bend"/>
                                    <dgm:param type="dim" val="1D"/>
                                    <dgm:param type="endSty" val="noArr"/>
                                    <dgm:param type="begPts" val="bCtr"/>
                                    <dgm:param type="endPts" val="midL midR"/>
                                  </dgm:alg>
                                </dgm:if>
                                <dgm:else name="Name45">
                                  <dgm:alg type="conn">
                                    <dgm:param type="connRout" val="bend"/>
                                    <dgm:param type="dim" val="1D"/>
                                    <dgm:param type="endSty" val="noArr"/>
                                    <dgm:param type="begPts" val="bCtr"/>
                                    <dgm:param type="endPts" val="midL midR"/>
                                    <dgm:param type="srcNode" val="rootConnector"/>
                                  </dgm:alg>
                                </dgm:else>
                              </dgm:choose>
                            </dgm:if>
                            <dgm:else name="Name46">
                              <dgm:alg type="conn">
                                <dgm:param type="connRout" val="bend"/>
                                <dgm:param type="dim" val="1D"/>
                                <dgm:param type="endSty" val="noArr"/>
                                <dgm:param type="begPts" val="bCtr"/>
                                <dgm:param type="endPts" val="tCtr"/>
                                <dgm:param type="bendPt" val="end"/>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if>
                  <dgm:if name="Name47" func="var" arg="hierBranch" op="equ" val="hang">
                    <dgm:layoutNode name="Name48">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if>
                  <dgm:else name="Name49">
                    <dgm:layoutNode name="Name50">
                      <dgm:choose name="Name51">
                        <dgm:if name="Name52" axis="self" func="depth" op="lte" val="2">
                          <dgm:choose name="Name53">
                            <dgm:if name="Name54" axis="par ch" ptType="node asst" func="cnt" op="gte" val="1">
                              <dgm:alg type="conn">
                                <dgm:param type="connRout" val="bend"/>
                                <dgm:param type="dim" val="1D"/>
                                <dgm:param type="endSty" val="noArr"/>
                                <dgm:param type="begPts" val="bCtr"/>
                                <dgm:param type="endPts" val="midL midR"/>
                              </dgm:alg>
                            </dgm:if>
                            <dgm:else name="Name55">
                              <dgm:alg type="conn">
                                <dgm:param type="connRout" val="bend"/>
                                <dgm:param type="dim" val="1D"/>
                                <dgm:param type="endSty" val="noArr"/>
                                <dgm:param type="begPts" val="bCtr"/>
                                <dgm:param type="endPts" val="midL midR"/>
                                <dgm:param type="srcNode" val="rootConnector1"/>
                              </dgm:alg>
                            </dgm:else>
                          </dgm:choose>
                        </dgm:if>
                        <dgm:else name="Name56">
                          <dgm:choose name="Name57">
                            <dgm:if name="Name58" axis="par ch" ptType="node asst" func="cnt" op="gte" val="1">
                              <dgm:alg type="conn">
                                <dgm:param type="connRout" val="bend"/>
                                <dgm:param type="dim" val="1D"/>
                                <dgm:param type="endSty" val="noArr"/>
                                <dgm:param type="begPts" val="bCtr"/>
                                <dgm:param type="endPts" val="midL midR"/>
                              </dgm:alg>
                            </dgm:if>
                            <dgm:else name="Name59">
                              <dgm:alg type="conn">
                                <dgm:param type="connRout" val="bend"/>
                                <dgm:param type="dim" val="1D"/>
                                <dgm:param type="endSty" val="noArr"/>
                                <dgm:param type="begPts" val="bCtr"/>
                                <dgm:param type="endPts" val="midL midR"/>
                                <dgm:param type="srcNode" val="rootConnector"/>
                              </dgm:alg>
                            </dgm:else>
                          </dgm:choose>
                        </dgm:else>
                      </dgm:choose>
                      <dgm:shape xmlns:r="http://schemas.openxmlformats.org/officeDocument/2006/relationships" type="conn" r:blip="" zOrderOff="-99999">
                        <dgm:adjLst/>
                      </dgm:shape>
                      <dgm:presOf axis="self"/>
                      <dgm:constrLst>
                        <dgm:constr type="begPad"/>
                        <dgm:constr type="endPad"/>
                      </dgm:constrLst>
                      <dgm:ruleLst/>
                    </dgm:layoutNode>
                  </dgm:else>
                </dgm:choose>
              </dgm:forEach>
              <dgm:layoutNode name="hierRoot2">
                <dgm:varLst>
                  <dgm:hierBranch val="init"/>
                </dgm:varLst>
                <dgm:choose name="Name60">
                  <dgm:if name="Name61" func="var" arg="hierBranch" op="equ" val="l">
                    <dgm:choose name="Name62">
                      <dgm:if name="Name63" axis="ch" ptType="asst" func="cnt" op="gte" val="1">
                        <dgm:alg type="hierRoot">
                          <dgm:param type="hierAlign" val="tR"/>
                        </dgm:alg>
                        <dgm:shape xmlns:r="http://schemas.openxmlformats.org/officeDocument/2006/relationships" r:blip="">
                          <dgm:adjLst/>
                        </dgm:shape>
                        <dgm:presOf/>
                        <dgm:constrLst>
                          <dgm:constr type="alignOff" val="0.65"/>
                        </dgm:constrLst>
                      </dgm:if>
                      <dgm:else name="Name64">
                        <dgm:alg type="hierRoot">
                          <dgm:param type="hierAlign" val="tR"/>
                        </dgm:alg>
                        <dgm:shape xmlns:r="http://schemas.openxmlformats.org/officeDocument/2006/relationships" r:blip="">
                          <dgm:adjLst/>
                        </dgm:shape>
                        <dgm:presOf/>
                        <dgm:constrLst>
                          <dgm:constr type="alignOff" val="0.25"/>
                        </dgm:constrLst>
                      </dgm:else>
                    </dgm:choose>
                  </dgm:if>
                  <dgm:if name="Name65" func="var" arg="hierBranch" op="equ" val="r">
                    <dgm:choose name="Name66">
                      <dgm:if name="Name67"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68">
                        <dgm:alg type="hierRoot">
                          <dgm:param type="hierAlign" val="tL"/>
                        </dgm:alg>
                        <dgm:shape xmlns:r="http://schemas.openxmlformats.org/officeDocument/2006/relationships" r:blip="">
                          <dgm:adjLst/>
                        </dgm:shape>
                        <dgm:presOf/>
                        <dgm:constrLst>
                          <dgm:constr type="alignOff" val="0.25"/>
                        </dgm:constrLst>
                      </dgm:else>
                    </dgm:choose>
                  </dgm:if>
                  <dgm:if name="Name69"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70" func="var" arg="hierBranch" op="equ" val="init">
                    <dgm:choose name="Name71">
                      <dgm:if name="Name72" axis="des" func="maxDepth" op="lte" val="1">
                        <dgm:choose name="Name73">
                          <dgm:if name="Name74" axis="ch" ptType="asst" func="cnt" op="gte" val="1">
                            <dgm:alg type="hierRoot">
                              <dgm:param type="hierAlign" val="tL"/>
                            </dgm:alg>
                            <dgm:shape xmlns:r="http://schemas.openxmlformats.org/officeDocument/2006/relationships" r:blip="">
                              <dgm:adjLst/>
                            </dgm:shape>
                            <dgm:presOf/>
                            <dgm:constrLst>
                              <dgm:constr type="alignOff" val="0.65"/>
                            </dgm:constrLst>
                          </dgm:if>
                          <dgm:else name="Name75">
                            <dgm:alg type="hierRoot">
                              <dgm:param type="hierAlign" val="tL"/>
                            </dgm:alg>
                            <dgm:shape xmlns:r="http://schemas.openxmlformats.org/officeDocument/2006/relationships" r:blip="">
                              <dgm:adjLst/>
                            </dgm:shape>
                            <dgm:presOf/>
                            <dgm:constrLst>
                              <dgm:constr type="alignOff" val="0.25"/>
                            </dgm:constrLst>
                          </dgm:else>
                        </dgm:choose>
                      </dgm:if>
                      <dgm:else name="Name76">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77">
                    <dgm:alg type="hierRoot"/>
                    <dgm:shape xmlns:r="http://schemas.openxmlformats.org/officeDocument/2006/relationships" r:blip="">
                      <dgm:adjLst/>
                    </dgm:shape>
                    <dgm:presOf/>
                    <dgm:constrLst>
                      <dgm:constr type="alignOff" val="0.65"/>
                    </dgm:constrLst>
                  </dgm:else>
                </dgm:choose>
                <dgm:ruleLst/>
                <dgm:layoutNode name="rootComposite">
                  <dgm:alg type="composite"/>
                  <dgm:shape xmlns:r="http://schemas.openxmlformats.org/officeDocument/2006/relationships" r:blip="">
                    <dgm:adjLst/>
                  </dgm:shape>
                  <dgm:presOf axis="self" ptType="node" cnt="1"/>
                  <dgm:choose name="Name78">
                    <dgm:if name="Name79" func="var" arg="hierBranch" op="equ" val="init">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if name="Name80" func="var" arg="hierBranch" op="equ" val="l">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if>
                    <dgm:if name="Name81" func="var" arg="hierBranch" op="equ" val="r">
                      <dgm:constrLst>
                        <dgm:constr type="l" for="ch" forName="rootText"/>
                        <dgm:constr type="t" for="ch" forName="rootText"/>
                        <dgm:constr type="w" for="ch" forName="rootText" refType="w"/>
                        <dgm:constr type="h" for="ch" forName="rootText" refType="h"/>
                        <dgm:constr type="l" for="ch" forName="rootConnector"/>
                        <dgm:constr type="t" for="ch" forName="rootConnector"/>
                        <dgm:constr type="w" for="ch" forName="rootConnector" refType="w" refFor="ch" refForName="rootText" fact="0.2"/>
                        <dgm:constr type="h" for="ch" forName="rootConnector" refType="h" refFor="ch" refForName="rootText"/>
                      </dgm:constrLst>
                    </dgm:if>
                    <dgm:else name="Name82">
                      <dgm:constrLst>
                        <dgm:constr type="l" for="ch" forName="rootText"/>
                        <dgm:constr type="t" for="ch" forName="rootText"/>
                        <dgm:constr type="w" for="ch" forName="rootText" refType="w"/>
                        <dgm:constr type="h" for="ch" forName="rootText" refType="h"/>
                        <dgm:constr type="r" for="ch" forName="rootConnector" refType="w"/>
                        <dgm:constr type="t" for="ch" forName="rootConnector"/>
                        <dgm:constr type="w" for="ch" forName="rootConnector" refType="w" refFor="ch" refForName="rootText" fact="0.2"/>
                        <dgm:constr type="h" for="ch" forName="rootConnector" refType="h" refFor="ch" refForName="rootText"/>
                      </dgm:constrLst>
                    </dgm:else>
                  </dgm:choose>
                  <dgm:ruleLst/>
                  <dgm:layoutNode name="rootText">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 moveWith="rootText">
                    <dgm:alg type="sp"/>
                    <dgm:shape xmlns:r="http://schemas.openxmlformats.org/officeDocument/2006/relationships" type="rect" r:blip="" hideGeom="1">
                      <dgm:adjLst/>
                    </dgm:shape>
                    <dgm:presOf axis="self" ptType="node" cnt="1"/>
                    <dgm:constrLst/>
                    <dgm:ruleLst/>
                  </dgm:layoutNode>
                </dgm:layoutNode>
                <dgm:layoutNode name="hierChild4">
                  <dgm:choose name="Name83">
                    <dgm:if name="Name84" func="var" arg="hierBranch" op="equ" val="l">
                      <dgm:alg type="hierChild">
                        <dgm:param type="chAlign" val="r"/>
                        <dgm:param type="linDir" val="fromT"/>
                      </dgm:alg>
                    </dgm:if>
                    <dgm:if name="Name85" func="var" arg="hierBranch" op="equ" val="r">
                      <dgm:alg type="hierChild">
                        <dgm:param type="chAlign" val="l"/>
                        <dgm:param type="linDir" val="fromT"/>
                      </dgm:alg>
                    </dgm:if>
                    <dgm:if name="Name86" func="var" arg="hierBranch" op="equ" val="hang">
                      <dgm:choose name="Name87">
                        <dgm:if name="Name88" func="var" arg="dir" op="equ" val="norm">
                          <dgm:alg type="hierChild">
                            <dgm:param type="chAlign" val="l"/>
                            <dgm:param type="linDir" val="fromL"/>
                            <dgm:param type="secChAlign" val="t"/>
                            <dgm:param type="secLinDir" val="fromT"/>
                          </dgm:alg>
                        </dgm:if>
                        <dgm:else name="Name89">
                          <dgm:alg type="hierChild">
                            <dgm:param type="chAlign" val="l"/>
                            <dgm:param type="linDir" val="fromR"/>
                            <dgm:param type="secChAlign" val="t"/>
                            <dgm:param type="secLinDir" val="fromT"/>
                          </dgm:alg>
                        </dgm:else>
                      </dgm:choose>
                    </dgm:if>
                    <dgm:if name="Name90" func="var" arg="hierBranch" op="equ" val="std">
                      <dgm:choose name="Name91">
                        <dgm:if name="Name92" func="var" arg="dir" op="equ" val="norm">
                          <dgm:alg type="hierChild"/>
                        </dgm:if>
                        <dgm:else name="Name93">
                          <dgm:alg type="hierChild">
                            <dgm:param type="linDir" val="fromR"/>
                          </dgm:alg>
                        </dgm:else>
                      </dgm:choose>
                    </dgm:if>
                    <dgm:if name="Name94" func="var" arg="hierBranch" op="equ" val="init">
                      <dgm:choose name="Name95">
                        <dgm:if name="Name96" axis="des" func="maxDepth" op="lte" val="1">
                          <dgm:alg type="hierChild">
                            <dgm:param type="chAlign" val="l"/>
                            <dgm:param type="linDir" val="fromT"/>
                          </dgm:alg>
                        </dgm:if>
                        <dgm:else name="Name97">
                          <dgm:choose name="Name98">
                            <dgm:if name="Name99" func="var" arg="dir" op="equ" val="norm">
                              <dgm:alg type="hierChild"/>
                            </dgm:if>
                            <dgm:else name="Name100">
                              <dgm:alg type="hierChild">
                                <dgm:param type="linDir" val="fromR"/>
                              </dgm:alg>
                            </dgm:else>
                          </dgm:choose>
                        </dgm:else>
                      </dgm:choose>
                    </dgm:if>
                    <dgm:else name="Name101"/>
                  </dgm:choose>
                  <dgm:shape xmlns:r="http://schemas.openxmlformats.org/officeDocument/2006/relationships" r:blip="">
                    <dgm:adjLst/>
                  </dgm:shape>
                  <dgm:presOf/>
                  <dgm:constrLst/>
                  <dgm:ruleLst/>
                  <dgm:forEach name="Name102" ref="rep2a"/>
                </dgm:layoutNode>
                <dgm:layoutNode name="hierChild5">
                  <dgm:choose name="Name103">
                    <dgm:if name="Name104" func="var" arg="dir" op="equ" val="norm">
                      <dgm:alg type="hierChild">
                        <dgm:param type="chAlign" val="l"/>
                        <dgm:param type="linDir" val="fromL"/>
                        <dgm:param type="secChAlign" val="t"/>
                        <dgm:param type="secLinDir" val="fromT"/>
                      </dgm:alg>
                    </dgm:if>
                    <dgm:else name="Name105">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06" ref="rep2b"/>
                </dgm:layoutNode>
              </dgm:layoutNode>
            </dgm:forEach>
          </dgm:layoutNode>
          <dgm:layoutNode name="hierChild3">
            <dgm:choose name="Name107">
              <dgm:if name="Name108" func="var" arg="dir" op="equ" val="norm">
                <dgm:alg type="hierChild">
                  <dgm:param type="chAlign" val="l"/>
                  <dgm:param type="linDir" val="fromL"/>
                  <dgm:param type="secChAlign" val="t"/>
                  <dgm:param type="secLinDir" val="fromT"/>
                </dgm:alg>
              </dgm:if>
              <dgm:else name="Name109">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rep2b" axis="ch" ptType="asst">
              <dgm:forEach name="Name110" axis="precedSib" ptType="parTrans" st="-1" cnt="1">
                <dgm:layoutNode name="Name111">
                  <dgm:alg type="conn">
                    <dgm:param type="connRout" val="bend"/>
                    <dgm:param type="dim" val="1D"/>
                    <dgm:param type="endSty" val="noArr"/>
                    <dgm:param type="begPts" val="bCtr"/>
                    <dgm:param type="endPts" val="midL midR"/>
                  </dgm:alg>
                  <dgm:shape xmlns:r="http://schemas.openxmlformats.org/officeDocument/2006/relationships" type="conn" r:blip="" zOrderOff="-99999">
                    <dgm:adjLst/>
                  </dgm:shape>
                  <dgm:presOf axis="self"/>
                  <dgm:constrLst>
                    <dgm:constr type="begPad"/>
                    <dgm:constr type="endPad"/>
                  </dgm:constrLst>
                  <dgm:ruleLst/>
                </dgm:layoutNode>
              </dgm:forEach>
              <dgm:layoutNode name="hierRoot3">
                <dgm:varLst>
                  <dgm:hierBranch val="init"/>
                </dgm:varLst>
                <dgm:choose name="Name112">
                  <dgm:if name="Name113" func="var" arg="hierBranch" op="equ" val="l">
                    <dgm:alg type="hierRoot">
                      <dgm:param type="hierAlign" val="tR"/>
                    </dgm:alg>
                    <dgm:shape xmlns:r="http://schemas.openxmlformats.org/officeDocument/2006/relationships" r:blip="">
                      <dgm:adjLst/>
                    </dgm:shape>
                    <dgm:presOf/>
                    <dgm:constrLst>
                      <dgm:constr type="alignOff" val="0.65"/>
                    </dgm:constrLst>
                  </dgm:if>
                  <dgm:if name="Name114" func="var" arg="hierBranch" op="equ" val="r">
                    <dgm:alg type="hierRoot">
                      <dgm:param type="hierAlign" val="tL"/>
                    </dgm:alg>
                    <dgm:shape xmlns:r="http://schemas.openxmlformats.org/officeDocument/2006/relationships" r:blip="">
                      <dgm:adjLst/>
                    </dgm:shape>
                    <dgm:presOf/>
                    <dgm:constrLst>
                      <dgm:constr type="alignOff" val="0.65"/>
                    </dgm:constrLst>
                  </dgm:if>
                  <dgm:if name="Name115" func="var" arg="hierBranch" op="equ" val="hang">
                    <dgm:alg type="hierRoot"/>
                    <dgm:shape xmlns:r="http://schemas.openxmlformats.org/officeDocument/2006/relationships" r:blip="">
                      <dgm:adjLst/>
                    </dgm:shape>
                    <dgm:presOf/>
                    <dgm:constrLst>
                      <dgm:constr type="alignOff" val="0.65"/>
                    </dgm:constrLst>
                  </dgm:if>
                  <dgm:if name="Name116" func="var" arg="hierBranch" op="equ" val="std">
                    <dgm:alg type="hierRoot"/>
                    <dgm:shape xmlns:r="http://schemas.openxmlformats.org/officeDocument/2006/relationships" r:blip="">
                      <dgm:adjLst/>
                    </dgm:shape>
                    <dgm:presOf/>
                    <dgm:constrLst>
                      <dgm:constr type="alignOff"/>
                      <dgm:constr type="bendDist" for="des" ptType="parTrans" refType="sp" fact="0.5"/>
                    </dgm:constrLst>
                  </dgm:if>
                  <dgm:if name="Name117" func="var" arg="hierBranch" op="equ" val="init">
                    <dgm:choose name="Name118">
                      <dgm:if name="Name119" axis="des" func="maxDepth" op="lte" val="1">
                        <dgm:alg type="hierRoot">
                          <dgm:param type="hierAlign" val="tL"/>
                        </dgm:alg>
                        <dgm:shape xmlns:r="http://schemas.openxmlformats.org/officeDocument/2006/relationships" r:blip="">
                          <dgm:adjLst/>
                        </dgm:shape>
                        <dgm:presOf/>
                        <dgm:constrLst>
                          <dgm:constr type="alignOff" val="0.65"/>
                        </dgm:constrLst>
                      </dgm:if>
                      <dgm:else name="Name120">
                        <dgm:alg type="hierRoot"/>
                        <dgm:shape xmlns:r="http://schemas.openxmlformats.org/officeDocument/2006/relationships" r:blip="">
                          <dgm:adjLst/>
                        </dgm:shape>
                        <dgm:presOf/>
                        <dgm:constrLst>
                          <dgm:constr type="alignOff"/>
                          <dgm:constr type="bendDist" for="des" ptType="parTrans" refType="sp" fact="0.5"/>
                        </dgm:constrLst>
                      </dgm:else>
                    </dgm:choose>
                  </dgm:if>
                  <dgm:else name="Name121"/>
                </dgm:choose>
                <dgm:ruleLst/>
                <dgm:layoutNode name="rootComposite3">
                  <dgm:alg type="composite"/>
                  <dgm:shape xmlns:r="http://schemas.openxmlformats.org/officeDocument/2006/relationships" r:blip="">
                    <dgm:adjLst/>
                  </dgm:shape>
                  <dgm:presOf axis="self" ptType="node" cnt="1"/>
                  <dgm:choose name="Name122">
                    <dgm:if name="Name123" func="var" arg="hierBranch" op="equ" val="init">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if name="Name124" func="var" arg="hierBranch" op="equ" val="l">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if>
                    <dgm:if name="Name125" func="var" arg="hierBranch" op="equ" val="r">
                      <dgm:constrLst>
                        <dgm:constr type="l" for="ch" forName="rootText3"/>
                        <dgm:constr type="t" for="ch" forName="rootText3"/>
                        <dgm:constr type="w" for="ch" forName="rootText3" refType="w"/>
                        <dgm:constr type="h" for="ch" forName="rootText3" refType="h"/>
                        <dgm:constr type="l" for="ch" forName="rootConnector3"/>
                        <dgm:constr type="t" for="ch" forName="rootConnector3"/>
                        <dgm:constr type="w" for="ch" forName="rootConnector3" refType="w" refFor="ch" refForName="rootText3" fact="0.2"/>
                        <dgm:constr type="h" for="ch" forName="rootConnector3" refType="h" refFor="ch" refForName="rootText3"/>
                      </dgm:constrLst>
                    </dgm:if>
                    <dgm:else name="Name126">
                      <dgm:constrLst>
                        <dgm:constr type="l" for="ch" forName="rootText3"/>
                        <dgm:constr type="t" for="ch" forName="rootText3"/>
                        <dgm:constr type="w" for="ch" forName="rootText3" refType="w"/>
                        <dgm:constr type="h" for="ch" forName="rootText3" refType="h"/>
                        <dgm:constr type="r" for="ch" forName="rootConnector3" refType="w"/>
                        <dgm:constr type="t" for="ch" forName="rootConnector3"/>
                        <dgm:constr type="w" for="ch" forName="rootConnector3" refType="w" refFor="ch" refForName="rootText3" fact="0.2"/>
                        <dgm:constr type="h" for="ch" forName="rootConnector3" refType="h" refFor="ch" refForName="rootText3"/>
                      </dgm:constrLst>
                    </dgm:else>
                  </dgm:choose>
                  <dgm:ruleLst/>
                  <dgm:layoutNode name="rootText3">
                    <dgm:varLst>
                      <dgm:chPref val="3"/>
                    </dgm:varLst>
                    <dgm:alg type="tx"/>
                    <dgm:shape xmlns:r="http://schemas.openxmlformats.org/officeDocument/2006/relationships" type="rect" r:blip="">
                      <dgm:adjLst/>
                    </dgm:shape>
                    <dgm:presOf axis="self" ptType="node" cnt="1"/>
                    <dgm:constrLst>
                      <dgm:constr type="primFontSz" val="65"/>
                      <dgm:constr type="lMarg" refType="primFontSz" fact="0.05"/>
                      <dgm:constr type="rMarg" refType="primFontSz" fact="0.05"/>
                      <dgm:constr type="tMarg" refType="primFontSz" fact="0.05"/>
                      <dgm:constr type="bMarg" refType="primFontSz" fact="0.05"/>
                    </dgm:constrLst>
                    <dgm:ruleLst>
                      <dgm:rule type="primFontSz" val="5" fact="NaN" max="NaN"/>
                    </dgm:ruleLst>
                  </dgm:layoutNode>
                  <dgm:layoutNode name="rootConnector3" moveWith="rootText1">
                    <dgm:alg type="sp"/>
                    <dgm:shape xmlns:r="http://schemas.openxmlformats.org/officeDocument/2006/relationships" type="rect" r:blip="" hideGeom="1">
                      <dgm:adjLst/>
                    </dgm:shape>
                    <dgm:presOf axis="self" ptType="node" cnt="1"/>
                    <dgm:constrLst/>
                    <dgm:ruleLst/>
                  </dgm:layoutNode>
                </dgm:layoutNode>
                <dgm:layoutNode name="hierChild6">
                  <dgm:choose name="Name127">
                    <dgm:if name="Name128" func="var" arg="hierBranch" op="equ" val="l">
                      <dgm:alg type="hierChild">
                        <dgm:param type="chAlign" val="r"/>
                        <dgm:param type="linDir" val="fromT"/>
                      </dgm:alg>
                    </dgm:if>
                    <dgm:if name="Name129" func="var" arg="hierBranch" op="equ" val="r">
                      <dgm:alg type="hierChild">
                        <dgm:param type="chAlign" val="l"/>
                        <dgm:param type="linDir" val="fromT"/>
                      </dgm:alg>
                    </dgm:if>
                    <dgm:if name="Name130" func="var" arg="hierBranch" op="equ" val="hang">
                      <dgm:choose name="Name131">
                        <dgm:if name="Name132" func="var" arg="dir" op="equ" val="norm">
                          <dgm:alg type="hierChild">
                            <dgm:param type="chAlign" val="l"/>
                            <dgm:param type="linDir" val="fromL"/>
                            <dgm:param type="secChAlign" val="t"/>
                            <dgm:param type="secLinDir" val="fromT"/>
                          </dgm:alg>
                        </dgm:if>
                        <dgm:else name="Name133">
                          <dgm:alg type="hierChild">
                            <dgm:param type="chAlign" val="l"/>
                            <dgm:param type="linDir" val="fromR"/>
                            <dgm:param type="secChAlign" val="t"/>
                            <dgm:param type="secLinDir" val="fromT"/>
                          </dgm:alg>
                        </dgm:else>
                      </dgm:choose>
                    </dgm:if>
                    <dgm:if name="Name134" func="var" arg="hierBranch" op="equ" val="std">
                      <dgm:choose name="Name135">
                        <dgm:if name="Name136" func="var" arg="dir" op="equ" val="norm">
                          <dgm:alg type="hierChild"/>
                        </dgm:if>
                        <dgm:else name="Name137">
                          <dgm:alg type="hierChild">
                            <dgm:param type="linDir" val="fromR"/>
                          </dgm:alg>
                        </dgm:else>
                      </dgm:choose>
                    </dgm:if>
                    <dgm:if name="Name138" func="var" arg="hierBranch" op="equ" val="init">
                      <dgm:choose name="Name139">
                        <dgm:if name="Name140" axis="des" func="maxDepth" op="lte" val="1">
                          <dgm:alg type="hierChild">
                            <dgm:param type="chAlign" val="l"/>
                            <dgm:param type="linDir" val="fromT"/>
                          </dgm:alg>
                        </dgm:if>
                        <dgm:else name="Name141">
                          <dgm:alg type="hierChild"/>
                        </dgm:else>
                      </dgm:choose>
                    </dgm:if>
                    <dgm:else name="Name142"/>
                  </dgm:choose>
                  <dgm:shape xmlns:r="http://schemas.openxmlformats.org/officeDocument/2006/relationships" r:blip="">
                    <dgm:adjLst/>
                  </dgm:shape>
                  <dgm:presOf/>
                  <dgm:constrLst/>
                  <dgm:ruleLst/>
                  <dgm:forEach name="Name143" ref="rep2a"/>
                </dgm:layoutNode>
                <dgm:layoutNode name="hierChild7">
                  <dgm:choose name="Name144">
                    <dgm:if name="Name145" func="var" arg="dir" op="equ" val="norm">
                      <dgm:alg type="hierChild">
                        <dgm:param type="chAlign" val="l"/>
                        <dgm:param type="linDir" val="fromL"/>
                        <dgm:param type="secChAlign" val="t"/>
                        <dgm:param type="secLinDir" val="fromT"/>
                      </dgm:alg>
                    </dgm:if>
                    <dgm:else name="Name146">
                      <dgm:alg type="hierChild">
                        <dgm:param type="chAlign" val="l"/>
                        <dgm:param type="linDir" val="fromR"/>
                        <dgm:param type="secChAlign" val="t"/>
                        <dgm:param type="secLinDir" val="fromT"/>
                      </dgm:alg>
                    </dgm:else>
                  </dgm:choose>
                  <dgm:shape xmlns:r="http://schemas.openxmlformats.org/officeDocument/2006/relationships" r:blip="">
                    <dgm:adjLst/>
                  </dgm:shape>
                  <dgm:presOf/>
                  <dgm:constrLst/>
                  <dgm:ruleLst/>
                  <dgm:forEach name="Name147" ref="rep2b"/>
                </dgm:layoutNode>
              </dgm:layoutNode>
            </dgm:forEach>
          </dgm:layoutNode>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11.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12.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13.xml><?xml version="1.0" encoding="utf-8"?>
<dgm:layoutDef xmlns:dgm="http://schemas.openxmlformats.org/drawingml/2006/diagram" xmlns:a="http://schemas.openxmlformats.org/drawingml/2006/main" uniqueId="urn:microsoft.com/office/officeart/2005/8/layout/hierarchy6">
  <dgm:title val=""/>
  <dgm:desc val=""/>
  <dgm:catLst>
    <dgm:cat type="hierarchy" pri="3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aram type="vertAlign" val="mid"/>
      <dgm:param type="horzAlign" val="ctr"/>
    </dgm:alg>
    <dgm:shape xmlns:r="http://schemas.openxmlformats.org/officeDocument/2006/relationships" r:blip="">
      <dgm:adjLst/>
    </dgm:shape>
    <dgm:presOf/>
    <dgm:choose name="Name0">
      <dgm:if name="Name1" axis="ch" ptType="node" func="cnt" op="gte" val="2">
        <dgm:choose name="Name2">
          <dgm:if name="Name3" func="var" arg="dir" op="equ" val="norm">
            <dgm:constrLst>
              <dgm:constr type="l" for="ch" forName="hierFlow" refType="w" fact="0.3"/>
              <dgm:constr type="t" for="ch" forName="hierFlow"/>
              <dgm:constr type="r" for="ch" forName="hierFlow" refType="w" fact="0.98"/>
              <dgm:constr type="b" for="ch" forName="hierFlow" refType="h" fact="0.98"/>
              <dgm:constr type="l" for="ch" forName="bgShapesFlow"/>
              <dgm:constr type="t" for="ch" forName="bgShapesFlow"/>
              <dgm:constr type="r" for="ch" forName="bgShapesFlow" refType="w"/>
              <dgm:constr type="b" for="ch" forName="bgShapesFlow" refType="h"/>
              <dgm:constr type="w" for="des" forName="level1Shape" refType="w"/>
              <dgm:constr type="h" for="des" forName="level1Shape" refType="w" refFor="des" refForName="level1Shape" fact="0.66667"/>
              <dgm:constr type="w" for="des" forName="level2Shape" refType="w" refFor="des" refForName="level1Shape" op="equ"/>
              <dgm:constr type="h" for="des" forName="level2Shape" refType="h" refFor="des" refForName="level1Shape" op="equ"/>
              <dgm:constr type="sp" for="des" refType="h" refFor="des" refForName="level1Shape" op="equ" fact="0.4"/>
              <dgm:constr type="sibSp" for="des" forName="hierChild1" refType="w" refFor="des" refForName="level1Shape" op="equ" fact="0.3"/>
              <dgm:constr type="sibSp" for="des" forName="hierChild2" refType="sibSp" refFor="des" refForName="hierChild1" op="equ"/>
              <dgm:constr type="sibSp" for="des" forName="hierChild3" refType="sibSp" refFor="des" refForName="hierChild1" op="equ"/>
              <dgm:constr type="userA" for="des" refType="h" refFor="des" refForName="level1Shape" op="equ"/>
              <dgm:constr type="userB" for="des" refType="sp" refFor="des" op="equ"/>
              <dgm:constr type="h" for="des" forName="firstBuf" refType="h" refFor="des" refForName="level1Shape" fact="0.1"/>
            </dgm:constrLst>
          </dgm:if>
          <dgm:else name="Name4">
            <dgm:constrLst>
              <dgm:constr type="l" for="ch" forName="hierFlow" refType="w" fact="0.02"/>
              <dgm:constr type="t" for="ch" forName="hierFlow"/>
              <dgm:constr type="r" for="ch" forName="hierFlow" refType="w" fact="0.7"/>
              <dgm:constr type="b" for="ch" forName="hierFlow" refType="h" fact="0.98"/>
              <dgm:constr type="l" for="ch" forName="bgShapesFlow"/>
              <dgm:constr type="t" for="ch" forName="bgShapesFlow"/>
              <dgm:constr type="r" for="ch" forName="bgShapesFlow" refType="w"/>
              <dgm:constr type="b" for="ch" forName="bgShapesFlow" refType="h"/>
              <dgm:constr type="w" for="des" forName="level1Shape" refType="w"/>
              <dgm:constr type="h" for="des" forName="level1Shape" refType="w" refFor="des" refForName="level1Shape" fact="0.66667"/>
              <dgm:constr type="w" for="des" forName="level2Shape" refType="w" refFor="des" refForName="level1Shape" op="equ"/>
              <dgm:constr type="h" for="des" forName="level2Shape" refType="h" refFor="des" refForName="level1Shape" op="equ"/>
              <dgm:constr type="sp" for="des" refType="h" refFor="des" refForName="level1Shape" op="equ" fact="0.4"/>
              <dgm:constr type="sibSp" for="des" forName="hierChild1" refType="w" refFor="des" refForName="level1Shape" op="equ" fact="0.3"/>
              <dgm:constr type="sibSp" for="des" forName="hierChild2" refType="sibSp" refFor="des" refForName="hierChild1" op="equ"/>
              <dgm:constr type="sibSp" for="des" forName="hierChild3" refType="sibSp" refFor="des" refForName="hierChild1" op="equ"/>
              <dgm:constr type="userA" for="des" refType="h" refFor="des" refForName="level1Shape" op="equ"/>
              <dgm:constr type="userB" for="des" refType="sp" refFor="des" op="equ"/>
              <dgm:constr type="h" for="des" forName="firstBuf" refType="h"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w" for="des" forName="level1Shape" refType="w"/>
          <dgm:constr type="h" for="des" forName="level1Shape" refType="w" refFor="des" refForName="level1Shape" fact="0.66667"/>
          <dgm:constr type="w" for="des" forName="level2Shape" refType="w" refFor="des" refForName="level1Shape" op="equ"/>
          <dgm:constr type="h" for="des" forName="level2Shape" refType="h" refFor="des" refForName="level1Shape" op="equ"/>
          <dgm:constr type="sp" for="des" refType="h" refFor="des" refForName="level1Shape" op="equ" fact="0.4"/>
          <dgm:constr type="sibSp" for="des" forName="hierChild1" refType="w" refFor="des" refForName="level1Shape" op="equ" fact="0.3"/>
          <dgm:constr type="sibSp" for="des" forName="hierChild2" refType="sibSp" refFor="des" refForName="hierChild1" op="equ"/>
          <dgm:constr type="sibSp" for="des" forName="hierChild3" refType="sibSp" refFor="des" refForName="hierChild1" op="equ"/>
          <dgm:constr type="userA" for="des" refType="h" refFor="des" refForName="level1Shape" op="equ"/>
          <dgm:constr type="userB" for="des" refType="sp" refFor="des" op="equ"/>
          <dgm:constr type="h" for="des" forName="firstBuf" refType="h" refFor="des" refForName="level1Shape" fact="0.1"/>
        </dgm:constrLst>
      </dgm:else>
    </dgm:choose>
    <dgm:ruleLst/>
    <dgm:layoutNode name="hierFlow">
      <dgm:alg type="lin">
        <dgm:param type="linDir" val="fromT"/>
        <dgm:param type="nodeVertAlign" val="t"/>
        <dgm:param type="vertAlign" val="t"/>
        <dgm:param type="nodeHorzAlign" val="ctr"/>
        <dgm:param type="fallback" val="2D"/>
      </dgm:alg>
      <dgm:shape xmlns:r="http://schemas.openxmlformats.org/officeDocument/2006/relationships" r:blip="">
        <dgm:adjLst/>
      </dgm:shape>
      <dgm:presOf/>
      <dgm:constrLst/>
      <dgm:ruleLst/>
      <dgm:choose name="Name6">
        <dgm:if name="Name7" axis="ch" ptType="node" func="cnt" op="gte" val="2">
          <dgm:layoutNode name="firstBuf">
            <dgm:alg type="sp"/>
            <dgm:shape xmlns:r="http://schemas.openxmlformats.org/officeDocument/2006/relationships" r:blip="">
              <dgm:adjLst/>
            </dgm:shape>
            <dgm:presOf/>
            <dgm:constrLst/>
            <dgm:ruleLst/>
          </dgm:layoutNode>
        </dgm:if>
        <dgm:else name="Name8"/>
      </dgm:choose>
      <dgm:layoutNode name="hierChild1">
        <dgm:varLst>
          <dgm:chPref val="1"/>
          <dgm:animOne val="branch"/>
          <dgm:animLvl val="lvl"/>
        </dgm:varLst>
        <dgm:choose name="Name9">
          <dgm:if name="Name10" func="var" arg="dir" op="equ" val="norm">
            <dgm:alg type="hierChild">
              <dgm:param type="linDir" val="fromL"/>
              <dgm:param type="vertAlign" val="t"/>
            </dgm:alg>
          </dgm:if>
          <dgm:else name="Name11">
            <dgm:alg type="hierChild">
              <dgm:param type="linDir" val="fromR"/>
              <dgm:param type="vertAlign" val="t"/>
            </dgm:alg>
          </dgm:else>
        </dgm:choose>
        <dgm:shape xmlns:r="http://schemas.openxmlformats.org/officeDocument/2006/relationships" r:blip="">
          <dgm:adjLst/>
        </dgm:shape>
        <dgm:presOf/>
        <dgm:constrLst>
          <dgm:constr type="primFontSz" for="des" ptType="node" op="equ"/>
        </dgm:constrLst>
        <dgm:ruleLst/>
        <dgm:forEach name="Name12" axis="ch" cnt="3">
          <dgm:forEach name="Name13" axis="self" ptType="node">
            <dgm:layoutNode name="Name14">
              <dgm:alg type="hierRoot"/>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hierChild2">
                <dgm:choose name="Name15">
                  <dgm:if name="Name16" func="var" arg="dir" op="equ" val="norm">
                    <dgm:alg type="hierChild">
                      <dgm:param type="linDir" val="fromL"/>
                    </dgm:alg>
                  </dgm:if>
                  <dgm:else name="Name17">
                    <dgm:alg type="hierChild">
                      <dgm:param type="linDir" val="fromR"/>
                    </dgm:alg>
                  </dgm:else>
                </dgm:choose>
                <dgm:shape xmlns:r="http://schemas.openxmlformats.org/officeDocument/2006/relationships" r:blip="">
                  <dgm:adjLst/>
                </dgm:shape>
                <dgm:presOf/>
                <dgm:constrLst/>
                <dgm:ruleLst/>
                <dgm:forEach name="repeat" axis="ch">
                  <dgm:forEach name="Name18" axis="self" ptType="parTrans" cnt="1">
                    <dgm:layoutNode name="Name19">
                      <dgm:alg type="conn">
                        <dgm:param type="dim" val="1D"/>
                        <dgm:param type="endSty" val="noArr"/>
                        <dgm:param type="connRout" val="bend"/>
                        <dgm:param type="begPts" val="bCtr"/>
                        <dgm:param type="endPts" val="tCtr"/>
                      </dgm:alg>
                      <dgm:shape xmlns:r="http://schemas.openxmlformats.org/officeDocument/2006/relationships" type="conn" r:blip="">
                        <dgm:adjLst/>
                      </dgm:shape>
                      <dgm:presOf axis="self"/>
                      <dgm:constrLst>
                        <dgm:constr type="w" val="1"/>
                        <dgm:constr type="h" val="1"/>
                        <dgm:constr type="begPad"/>
                        <dgm:constr type="endPad"/>
                      </dgm:constrLst>
                      <dgm:ruleLst/>
                    </dgm:layoutNode>
                  </dgm:forEach>
                  <dgm:forEach name="Name20" axis="self" ptType="node">
                    <dgm:layoutNode name="Name21">
                      <dgm:alg type="hierRoot"/>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hierChild3">
                        <dgm:choose name="Name22">
                          <dgm:if name="Name23" func="var" arg="dir" op="equ" val="norm">
                            <dgm:alg type="hierChild">
                              <dgm:param type="linDir" val="fromL"/>
                            </dgm:alg>
                          </dgm:if>
                          <dgm:else name="Name24">
                            <dgm:alg type="hierChild">
                              <dgm:param type="linDir" val="fromR"/>
                            </dgm:alg>
                          </dgm:else>
                        </dgm:choose>
                        <dgm:shape xmlns:r="http://schemas.openxmlformats.org/officeDocument/2006/relationships" r:blip="">
                          <dgm:adjLst/>
                        </dgm:shape>
                        <dgm:presOf/>
                        <dgm:constrLst/>
                        <dgm:ruleLst/>
                        <dgm:forEach name="Name25" ref="repeat"/>
                      </dgm:layoutNode>
                    </dgm:layoutNode>
                  </dgm:forEach>
                </dgm:forEach>
              </dgm:layoutNode>
            </dgm:layoutNode>
          </dgm:forEach>
        </dgm:forEach>
      </dgm:layoutNode>
    </dgm:layoutNode>
    <dgm:layoutNode name="bgShapesFlow">
      <dgm:alg type="lin">
        <dgm:param type="linDir" val="fromT"/>
        <dgm:param type="nodeVertAlign" val="t"/>
        <dgm:param type="vertAlign" val="t"/>
        <dgm:param type="nodeHorzAlign" val="ctr"/>
      </dgm:alg>
      <dgm:shape xmlns:r="http://schemas.openxmlformats.org/officeDocument/2006/relationships" r:blip="">
        <dgm:adjLst/>
      </dgm:shape>
      <dgm:presOf/>
      <dgm:constrLst>
        <dgm:constr type="userB"/>
        <dgm:constr type="w" for="ch" forName="rectComp" refType="w"/>
        <dgm:constr type="h" for="ch" forName="rectComp" refType="h"/>
        <dgm:constr type="w" for="des" forName="bgRect" refType="w"/>
        <dgm:constr type="primFontSz" for="des" forName="bgRectTx" op="equ"/>
      </dgm:constrLst>
      <dgm:ruleLst/>
      <dgm:forEach name="Name26" axis="ch" ptType="node" st="2">
        <dgm:layoutNode name="rectComp">
          <dgm:alg type="composite">
            <dgm:param type="vertAlign" val="t"/>
            <dgm:param type="horzAlign" val="ctr"/>
          </dgm:alg>
          <dgm:shape xmlns:r="http://schemas.openxmlformats.org/officeDocument/2006/relationships" r:blip="">
            <dgm:adjLst/>
          </dgm:shape>
          <dgm:presOf/>
          <dgm:choose name="Name27">
            <dgm:if name="Name28" func="var" arg="dir" op="equ" val="norm">
              <dgm:constrLst>
                <dgm:constr type="userA"/>
                <dgm:constr type="l" for="ch" forName="bgRect"/>
                <dgm:constr type="t" for="ch" forName="bgRect"/>
                <dgm:constr type="h" for="ch" forName="bgRect" refType="userA" fact="1.2"/>
                <dgm:constr type="l" for="ch" forName="bgRectTx"/>
                <dgm:constr type="t" for="ch" forName="bgRectTx"/>
                <dgm:constr type="w" for="ch" forName="bgRectTx" refType="w" refFor="ch" refForName="bgRect" fact="0.3"/>
                <dgm:constr type="h" for="ch" forName="bgRectTx" refType="h" refFor="ch" refForName="bgRect" op="equ"/>
              </dgm:constrLst>
            </dgm:if>
            <dgm:else name="Name29">
              <dgm:constrLst>
                <dgm:constr type="userA"/>
                <dgm:constr type="l" for="ch" forName="bgRect"/>
                <dgm:constr type="t" for="ch" forName="bgRect"/>
                <dgm:constr type="h" for="ch" forName="bgRect" refType="userA" fact="1.2"/>
                <dgm:constr type="r" for="ch" forName="bgRectTx" refType="w"/>
                <dgm:constr type="t" for="ch" forName="bgRectTx"/>
                <dgm:constr type="w" for="ch" forName="bgRectTx" refType="w" refFor="ch" refForName="bgRect" fact="0.3"/>
                <dgm:constr type="h" for="ch" forName="bgRectTx" refType="h" refFor="ch" refForName="bgRect" op="equ"/>
              </dgm:constrLst>
            </dgm:else>
          </dgm:choose>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presOf axis="desOrSelf" ptType="node"/>
            <dgm:shape xmlns:r="http://schemas.openxmlformats.org/officeDocument/2006/relationships" type="rect" r:blip="" zOrderOff="-999" hideGeom="1">
              <dgm:adjLst/>
            </dgm:shape>
            <dgm:constrLst>
              <dgm:constr type="primFontSz" val="65"/>
            </dgm:constrLst>
            <dgm:ruleLst>
              <dgm:rule type="primFontSz" val="5" fact="NaN" max="NaN"/>
            </dgm:ruleLst>
          </dgm:layoutNode>
        </dgm:layoutNode>
        <dgm:choose name="Name30">
          <dgm:if name="Name31" axis="self" ptType="node" func="revPos" op="gte" val="2">
            <dgm:layoutNode name="spComp">
              <dgm:alg type="composite">
                <dgm:param type="vertAlign" val="t"/>
                <dgm:param type="horzAlign" val="ctr"/>
              </dgm:alg>
              <dgm:shape xmlns:r="http://schemas.openxmlformats.org/officeDocument/2006/relationships" r:blip="">
                <dgm:adjLst/>
              </dgm:shape>
              <dgm:presOf/>
              <dgm:constrLst>
                <dgm:constr type="userA"/>
                <dgm:constr type="userB"/>
                <dgm:constr type="l" for="ch" forName="vSp"/>
                <dgm:constr type="t" for="ch" forName="vSp"/>
                <dgm:constr type="h" for="ch" forName="vSp" refType="userB"/>
                <dgm:constr type="hOff" for="ch" forName="vSp" refType="userA" fact="-0.2"/>
              </dgm:constrLst>
              <dgm:ruleLst/>
              <dgm:layoutNode name="vSp">
                <dgm:alg type="sp"/>
                <dgm:shape xmlns:r="http://schemas.openxmlformats.org/officeDocument/2006/relationships" r:blip="">
                  <dgm:adjLst/>
                </dgm:shape>
                <dgm:presOf/>
                <dgm:constrLst/>
                <dgm:ruleLst/>
              </dgm:layoutNode>
            </dgm:layoutNode>
          </dgm:if>
          <dgm:else name="Name32"/>
        </dgm:choose>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3.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4.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6.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7.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layout8.xml><?xml version="1.0" encoding="utf-8"?>
<dgm:layoutDef xmlns:dgm="http://schemas.openxmlformats.org/drawingml/2006/diagram" xmlns:a="http://schemas.openxmlformats.org/drawingml/2006/main" uniqueId="urn:microsoft.com/office/officeart/2005/8/layout/cycle2">
  <dgm:title val=""/>
  <dgm:desc val=""/>
  <dgm:catLst>
    <dgm:cat type="cycle" pri="1000"/>
    <dgm:cat type="convert" pri="10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ycle">
    <dgm:varLst>
      <dgm:dir/>
      <dgm:resizeHandles val="exact"/>
    </dgm:varLst>
    <dgm:choose name="Name0">
      <dgm:if name="Name1" func="var" arg="dir" op="equ" val="norm">
        <dgm:choose name="Name2">
          <dgm:if name="Name3" axis="ch" ptType="node" func="cnt" op="gt" val="2">
            <dgm:alg type="cycle">
              <dgm:param type="stAng" val="0"/>
              <dgm:param type="spanAng" val="360"/>
            </dgm:alg>
          </dgm:if>
          <dgm:else name="Name4">
            <dgm:alg type="cycle">
              <dgm:param type="stAng" val="-90"/>
              <dgm:param type="spanAng" val="360"/>
            </dgm:alg>
          </dgm:else>
        </dgm:choose>
      </dgm:if>
      <dgm:else name="Name5">
        <dgm:choose name="Name6">
          <dgm:if name="Name7" axis="ch" ptType="node" func="cnt" op="gt" val="2">
            <dgm:alg type="cycle">
              <dgm:param type="stAng" val="0"/>
              <dgm:param type="spanAng" val="-360"/>
            </dgm:alg>
          </dgm:if>
          <dgm:else name="Name8">
            <dgm:alg type="cycle">
              <dgm:param type="stAng" val="90"/>
              <dgm:param type="spanAng" val="-360"/>
            </dgm:alg>
          </dgm:else>
        </dgm:choose>
      </dgm:else>
    </dgm:choose>
    <dgm:shape xmlns:r="http://schemas.openxmlformats.org/officeDocument/2006/relationships" r:blip="">
      <dgm:adjLst/>
    </dgm:shape>
    <dgm:presOf/>
    <dgm:constrLst>
      <dgm:constr type="w" for="ch" ptType="node" refType="w"/>
      <dgm:constr type="w" for="ch" ptType="sibTrans" refType="w" refFor="ch" refPtType="node" op="equ" fact="0.25"/>
      <dgm:constr type="sibSp" refType="w" refFor="ch" refPtType="node" fact="0.5"/>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param type="txAnchorVertCh" val="mid"/>
        </dgm:alg>
        <dgm:shape xmlns:r="http://schemas.openxmlformats.org/officeDocument/2006/relationships" type="ellipse" r:blip="">
          <dgm:adjLst/>
        </dgm:shape>
        <dgm:presOf axis="desOrSelf" ptType="node"/>
        <dgm:constrLst>
          <dgm:constr type="h" refType="w"/>
          <dgm:constr type="lMarg" refType="primFontSz" fact="0.1"/>
          <dgm:constr type="rMarg" refType="primFontSz" fact="0.1"/>
          <dgm:constr type="tMarg" refType="primFontSz" fact="0.1"/>
          <dgm:constr type="bMarg" refType="primFontSz" fact="0.1"/>
        </dgm:constrLst>
        <dgm:ruleLst>
          <dgm:rule type="primFontSz" val="5" fact="NaN" max="NaN"/>
        </dgm:ruleLst>
      </dgm:layoutNode>
      <dgm:choose name="Name9">
        <dgm:if name="Name10" axis="par ch" ptType="doc node" func="cnt" op="gt" val="1">
          <dgm:forEach name="sibTransForEach" axis="followSib" ptType="sibTrans" hideLastTrans="0" cnt="1">
            <dgm:layoutNode name="sibTrans">
              <dgm:choose name="Name11">
                <dgm:if name="Name12" axis="par ch" ptType="doc node" func="cnt" op="lt" val="3">
                  <dgm:alg type="conn">
                    <dgm:param type="begPts" val="radial"/>
                    <dgm:param type="endPts" val="radial"/>
                  </dgm:alg>
                </dgm:if>
                <dgm:else name="Name13">
                  <dgm:alg type="conn">
                    <dgm:param type="begPts" val="auto"/>
                    <dgm:param type="endPts" val="auto"/>
                  </dgm:alg>
                </dgm:else>
              </dgm:choose>
              <dgm:shape xmlns:r="http://schemas.openxmlformats.org/officeDocument/2006/relationships" type="conn" r:blip="">
                <dgm:adjLst/>
              </dgm:shape>
              <dgm:presOf axis="self"/>
              <dgm:constrLst>
                <dgm:constr type="h" refType="w" fact="1.35"/>
                <dgm:constr type="connDist"/>
                <dgm:constr type="w" for="ch" refType="connDist" fact="0.45"/>
                <dgm:constr type="h" for="ch" refType="h"/>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if>
        <dgm:else name="Name14"/>
      </dgm:choose>
    </dgm:forEach>
  </dgm:layoutNode>
</dgm:layoutDef>
</file>

<file path=ppt/diagrams/layout9.xml><?xml version="1.0" encoding="utf-8"?>
<dgm:layoutDef xmlns:dgm="http://schemas.openxmlformats.org/drawingml/2006/diagram" xmlns:a="http://schemas.openxmlformats.org/drawingml/2006/main" uniqueId="urn:microsoft.com/office/officeart/2005/8/layout/hierarchy5">
  <dgm:title val=""/>
  <dgm:desc val=""/>
  <dgm:catLst>
    <dgm:cat type="hierarchy" pri="6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 modelId="4">
          <dgm:prSet phldr="1"/>
        </dgm:pt>
        <dgm:pt modelId="5">
          <dgm:prSet phldr="1"/>
        </dgm:pt>
        <dgm:pt modelId="6">
          <dgm:prSet phldr="1"/>
        </dgm:pt>
      </dgm:ptLst>
      <dgm:cxnLst>
        <dgm:cxn modelId="7" srcId="0" destId="1" srcOrd="0" destOrd="0"/>
        <dgm:cxn modelId="8" srcId="1" destId="2" srcOrd="0" destOrd="0"/>
        <dgm:cxn modelId="9" srcId="1" destId="3" srcOrd="1" destOrd="0"/>
        <dgm:cxn modelId="23" srcId="2" destId="21" srcOrd="0" destOrd="0"/>
        <dgm:cxn modelId="24" srcId="2" destId="22" srcOrd="1" destOrd="0"/>
        <dgm:cxn modelId="33" srcId="3" destId="31" srcOrd="0" destOrd="0"/>
        <dgm:cxn modelId="10" srcId="0" destId="4" srcOrd="1" destOrd="0"/>
        <dgm:cxn modelId="11" srcId="0" destId="5" srcOrd="2" destOrd="0"/>
        <dgm:cxn modelId="12" srcId="0" destId="6" srcOrd="3" destOrd="0"/>
      </dgm:cxnLst>
      <dgm:bg/>
      <dgm:whole/>
    </dgm:dataModel>
  </dgm:sampData>
  <dgm:styleData>
    <dgm:dataModel>
      <dgm:ptLst>
        <dgm:pt modelId="0" type="doc"/>
        <dgm:pt modelId="1"/>
        <dgm:pt modelId="11"/>
        <dgm:pt modelId="12"/>
        <dgm:pt modelId="2"/>
        <dgm:pt modelId="3"/>
      </dgm:ptLst>
      <dgm:cxnLst>
        <dgm:cxn modelId="4" srcId="0" destId="1" srcOrd="0" destOrd="0"/>
        <dgm:cxn modelId="13" srcId="1" destId="11" srcOrd="0" destOrd="0"/>
        <dgm:cxn modelId="14" srcId="1" destId="12" srcOrd="1" destOrd="0"/>
        <dgm:cxn modelId="5" srcId="0" destId="2" srcOrd="1" destOrd="0"/>
        <dgm:cxn modelId="6" srcId="0" destId="3" srcOrd="2" destOrd="0"/>
      </dgm:cxnLst>
      <dgm:bg/>
      <dgm:whole/>
    </dgm:dataModel>
  </dgm:styleData>
  <dgm:clrData>
    <dgm:dataModel>
      <dgm:ptLst>
        <dgm:pt modelId="0" type="doc"/>
        <dgm:pt modelId="1"/>
        <dgm:pt modelId="2"/>
        <dgm:pt modelId="21"/>
        <dgm:pt modelId="211"/>
        <dgm:pt modelId="3"/>
        <dgm:pt modelId="31"/>
        <dgm:pt modelId="311"/>
        <dgm:pt modelId="4"/>
        <dgm:pt modelId="5"/>
        <dgm:pt modelId="6"/>
        <dgm:pt modelId="7"/>
      </dgm:ptLst>
      <dgm:cxnLst>
        <dgm:cxn modelId="8" srcId="0" destId="1" srcOrd="0" destOrd="0"/>
        <dgm:cxn modelId="9" srcId="1" destId="2" srcOrd="0" destOrd="0"/>
        <dgm:cxn modelId="10" srcId="1" destId="3" srcOrd="1" destOrd="0"/>
        <dgm:cxn modelId="23" srcId="2" destId="21" srcOrd="0" destOrd="0"/>
        <dgm:cxn modelId="24" srcId="21" destId="211" srcOrd="0" destOrd="0"/>
        <dgm:cxn modelId="33" srcId="3" destId="31" srcOrd="0" destOrd="0"/>
        <dgm:cxn modelId="34" srcId="31" destId="311" srcOrd="0" destOrd="0"/>
        <dgm:cxn modelId="11" srcId="0" destId="4" srcOrd="1" destOrd="0"/>
        <dgm:cxn modelId="12" srcId="0" destId="5" srcOrd="2" destOrd="0"/>
        <dgm:cxn modelId="13" srcId="0" destId="6" srcOrd="3" destOrd="0"/>
        <dgm:cxn modelId="14" srcId="0" destId="7" srcOrd="4" destOrd="0"/>
      </dgm:cxnLst>
      <dgm:bg/>
      <dgm:whole/>
    </dgm:dataModel>
  </dgm:clrData>
  <dgm:layoutNode name="mainComposite">
    <dgm:varLst>
      <dgm:chPref val="1"/>
      <dgm:dir/>
      <dgm:animOne val="branch"/>
      <dgm:animLvl val="lvl"/>
      <dgm:resizeHandles val="exact"/>
    </dgm:varLst>
    <dgm:alg type="composite"/>
    <dgm:presOf/>
    <dgm:shape xmlns:r="http://schemas.openxmlformats.org/officeDocument/2006/relationships" r:blip="">
      <dgm:adjLst/>
    </dgm:shape>
    <dgm:choose name="Name0">
      <dgm:if name="Name1" axis="ch" ptType="node" func="cnt" op="gte" val="2">
        <dgm:choose name="Name2">
          <dgm:if name="Name3" func="var" arg="dir" op="equ" val="norm">
            <dgm:constrLst>
              <dgm:constr type="l" for="ch" forName="hierFlow"/>
              <dgm:constr type="t" for="ch" forName="hierFlow" refType="h" fact="0.3"/>
              <dgm:constr type="r" for="ch" forName="hierFlow" refType="w" fact="0.98"/>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if>
          <dgm:else name="Name4">
            <dgm:constrLst>
              <dgm:constr type="l" for="ch" forName="hierFlow" refType="w" fact="0.02"/>
              <dgm:constr type="t" for="ch" forName="hierFlow" refType="h" fact="0.3"/>
              <dgm:constr type="r" for="ch" forName="hierFlow" refType="w"/>
              <dgm:constr type="b" for="ch" forName="hierFlow" refType="h" fact="0.96"/>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if>
      <dgm:else name="Name5">
        <dgm:constrLst>
          <dgm:constr type="l" for="ch" forName="hierFlow"/>
          <dgm:constr type="t" for="ch" forName="hierFlow"/>
          <dgm:constr type="r" for="ch" forName="hierFlow" refType="w"/>
          <dgm:constr type="b" for="ch" forName="hierFlow" refType="h"/>
          <dgm:constr type="l" for="ch" forName="bgShapesFlow"/>
          <dgm:constr type="t" for="ch" forName="bgShapesFlow"/>
          <dgm:constr type="r" for="ch" forName="bgShapesFlow" refType="w"/>
          <dgm:constr type="b" for="ch" forName="bgShapesFlow" refType="h"/>
          <dgm:constr type="h" for="des" forName="level1Shape" refType="h"/>
          <dgm:constr type="w" for="des" forName="level1Shape" refType="h" refFor="des" refForName="level1Shape" fact="2"/>
          <dgm:constr type="w" for="des" forName="level2Shape" refType="w" refFor="des" refForName="level1Shape" op="equ"/>
          <dgm:constr type="h" for="des" forName="level2Shape" refType="h" refFor="des" refForName="level1Shape" op="equ"/>
          <dgm:constr type="sp" for="des" refType="w" refFor="des" refForName="level1Shape" op="equ" fact="0.4"/>
          <dgm:constr type="sibSp" for="des" forName="hierChild1" refType="h" refFor="des" refForName="level1Shape" op="equ" fact="0.15"/>
          <dgm:constr type="sibSp" for="des" forName="hierChild2" refType="sibSp" refFor="des" refForName="hierChild1" op="equ"/>
          <dgm:constr type="sibSp" for="des" forName="hierChild3" refType="sibSp" refFor="des" refForName="hierChild1" op="equ"/>
          <dgm:constr type="userA" for="des" refType="w" refFor="des" refForName="level1Shape" op="equ"/>
          <dgm:constr type="userB" for="des" refType="sp" refFor="des" op="equ"/>
          <dgm:constr type="w" for="des" forName="firstBuf" refType="w" refFor="des" refForName="level1Shape" fact="0.1"/>
        </dgm:constrLst>
      </dgm:else>
    </dgm:choose>
    <dgm:ruleLst/>
    <dgm:layoutNode name="hierFlow">
      <dgm:choose name="Name6">
        <dgm:if name="Name7" func="var" arg="dir" op="equ" val="norm">
          <dgm:alg type="lin">
            <dgm:param type="linDir" val="fromL"/>
            <dgm:param type="nodeVertAlign" val="mid"/>
            <dgm:param type="vertAlign" val="mid"/>
            <dgm:param type="nodeHorzAlign" val="l"/>
            <dgm:param type="horzAlign" val="l"/>
            <dgm:param type="fallback" val="2D"/>
          </dgm:alg>
        </dgm:if>
        <dgm:else name="Name8">
          <dgm:alg type="lin">
            <dgm:param type="linDir" val="fromR"/>
            <dgm:param type="nodeVertAlign" val="mid"/>
            <dgm:param type="vertAlign" val="mid"/>
            <dgm:param type="nodeHorzAlign" val="r"/>
            <dgm:param type="horzAlign" val="r"/>
            <dgm:param type="fallback" val="2D"/>
          </dgm:alg>
        </dgm:else>
      </dgm:choose>
      <dgm:shape xmlns:r="http://schemas.openxmlformats.org/officeDocument/2006/relationships" r:blip="">
        <dgm:adjLst/>
      </dgm:shape>
      <dgm:presOf/>
      <dgm:constrLst>
        <dgm:constr type="primFontSz" for="des" ptType="node" op="equ" val="65"/>
        <dgm:constr type="primFontSz" for="des" forName="connTx" op="equ" val="55"/>
        <dgm:constr type="primFontSz" for="des" forName="connTx" refType="primFontSz" refFor="des" refPtType="node" op="lte" fact="0.8"/>
      </dgm:constrLst>
      <dgm:ruleLst/>
      <dgm:choose name="Name9">
        <dgm:if name="Name10" axis="ch" ptType="node" func="cnt" op="gte" val="2">
          <dgm:layoutNode name="firstBuf">
            <dgm:alg type="sp"/>
            <dgm:shape xmlns:r="http://schemas.openxmlformats.org/officeDocument/2006/relationships" r:blip="">
              <dgm:adjLst/>
            </dgm:shape>
            <dgm:presOf/>
            <dgm:constrLst/>
            <dgm:ruleLst/>
          </dgm:layoutNode>
        </dgm:if>
        <dgm:else name="Name11"/>
      </dgm:choose>
      <dgm:layoutNode name="hierChild1">
        <dgm:varLst>
          <dgm:chPref val="1"/>
          <dgm:animOne val="branch"/>
          <dgm:animLvl val="lvl"/>
        </dgm:varLst>
        <dgm:choose name="Name12">
          <dgm:if name="Name13" func="var" arg="dir" op="equ" val="norm">
            <dgm:alg type="hierChild">
              <dgm:param type="linDir" val="fromT"/>
              <dgm:param type="chAlign" val="l"/>
            </dgm:alg>
          </dgm:if>
          <dgm:else name="Name14">
            <dgm:alg type="hierChild">
              <dgm:param type="linDir" val="fromT"/>
              <dgm:param type="chAlign" val="r"/>
            </dgm:alg>
          </dgm:else>
        </dgm:choose>
        <dgm:shape xmlns:r="http://schemas.openxmlformats.org/officeDocument/2006/relationships" r:blip="">
          <dgm:adjLst/>
        </dgm:shape>
        <dgm:presOf/>
        <dgm:constrLst/>
        <dgm:ruleLst/>
        <dgm:forEach name="Name15" axis="ch" cnt="3">
          <dgm:forEach name="Name16" axis="self" ptType="node">
            <dgm:layoutNode name="Name17">
              <dgm:choose name="Name18">
                <dgm:if name="Name19" func="var" arg="dir" op="equ" val="norm">
                  <dgm:alg type="hierRoot">
                    <dgm:param type="hierAlign" val="lCtrCh"/>
                  </dgm:alg>
                </dgm:if>
                <dgm:else name="Name20">
                  <dgm:alg type="hierRoot">
                    <dgm:param type="hierAlign" val="rCtrCh"/>
                  </dgm:alg>
                </dgm:else>
              </dgm:choose>
              <dgm:shape xmlns:r="http://schemas.openxmlformats.org/officeDocument/2006/relationships" r:blip="">
                <dgm:adjLst/>
              </dgm:shape>
              <dgm:presOf/>
              <dgm:constrLst/>
              <dgm:ruleLst/>
              <dgm:layoutNode name="level1Shap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2">
                <dgm:choose name="Name21">
                  <dgm:if name="Name22" func="var" arg="dir" op="equ" val="norm">
                    <dgm:alg type="hierChild">
                      <dgm:param type="linDir" val="fromT"/>
                      <dgm:param type="chAlign" val="l"/>
                    </dgm:alg>
                  </dgm:if>
                  <dgm:else name="Name23">
                    <dgm:alg type="hierChild">
                      <dgm:param type="linDir" val="fromT"/>
                      <dgm:param type="chAlign" val="r"/>
                    </dgm:alg>
                  </dgm:else>
                </dgm:choose>
                <dgm:shape xmlns:r="http://schemas.openxmlformats.org/officeDocument/2006/relationships" r:blip="">
                  <dgm:adjLst/>
                </dgm:shape>
                <dgm:presOf/>
                <dgm:constrLst/>
                <dgm:ruleLst/>
                <dgm:forEach name="repeat" axis="ch">
                  <dgm:forEach name="Name24" axis="self" ptType="parTrans" cnt="1">
                    <dgm:layoutNode name="Name25">
                      <dgm:choose name="Name26">
                        <dgm:if name="Name27" func="var" arg="dir" op="equ" val="norm">
                          <dgm:alg type="conn">
                            <dgm:param type="dim" val="1D"/>
                            <dgm:param type="begPts" val="midR"/>
                            <dgm:param type="endPts" val="midL"/>
                            <dgm:param type="endSty" val="noArr"/>
                          </dgm:alg>
                        </dgm:if>
                        <dgm:else name="Name28">
                          <dgm:alg type="conn">
                            <dgm:param type="dim" val="1D"/>
                            <dgm:param type="begPts" val="midL"/>
                            <dgm:param type="endPts" val="midR"/>
                            <dgm:param type="endSty" val="noArr"/>
                          </dgm:alg>
                        </dgm:else>
                      </dgm:choose>
                      <dgm:shape xmlns:r="http://schemas.openxmlformats.org/officeDocument/2006/relationships" type="conn" r:blip="">
                        <dgm:adjLst/>
                      </dgm:shape>
                      <dgm:presOf axis="self"/>
                      <dgm:constrLst>
                        <dgm:constr type="w" val="1"/>
                        <dgm:constr type="h" val="5"/>
                        <dgm:constr type="connDist"/>
                        <dgm:constr type="begPad"/>
                        <dgm:constr type="endPad"/>
                        <dgm:constr type="userA" for="ch" refType="connDist"/>
                      </dgm:constrLst>
                      <dgm:ruleLst/>
                      <dgm:layoutNode name="connTx">
                        <dgm:alg type="tx">
                          <dgm:param type="autoTxRot" val="grav"/>
                        </dgm:alg>
                        <dgm:shape xmlns:r="http://schemas.openxmlformats.org/officeDocument/2006/relationships" type="rect" r:blip="" hideGeom="1">
                          <dgm:adjLst/>
                        </dgm:shape>
                        <dgm:presOf axis="self"/>
                        <dgm:constrLst>
                          <dgm:constr type="userA"/>
                          <dgm:constr type="w" refType="userA" fact="0.05"/>
                          <dgm:constr type="h" refType="userA" fact="0.05"/>
                          <dgm:constr type="lMarg" val="1"/>
                          <dgm:constr type="rMarg" val="1"/>
                          <dgm:constr type="tMarg"/>
                          <dgm:constr type="bMarg"/>
                        </dgm:constrLst>
                        <dgm:ruleLst>
                          <dgm:rule type="h" val="NaN" fact="0.25" max="NaN"/>
                          <dgm:rule type="w" val="NaN" fact="0.8" max="NaN"/>
                          <dgm:rule type="primFontSz" val="5" fact="NaN" max="NaN"/>
                        </dgm:ruleLst>
                      </dgm:layoutNode>
                    </dgm:layoutNode>
                  </dgm:forEach>
                  <dgm:forEach name="Name29" axis="self" ptType="node">
                    <dgm:layoutNode name="Name30">
                      <dgm:choose name="Name31">
                        <dgm:if name="Name32" func="var" arg="dir" op="equ" val="norm">
                          <dgm:alg type="hierRoot">
                            <dgm:param type="hierAlign" val="lCtrCh"/>
                          </dgm:alg>
                        </dgm:if>
                        <dgm:else name="Name33">
                          <dgm:alg type="hierRoot">
                            <dgm:param type="hierAlign" val="rCtrCh"/>
                          </dgm:alg>
                        </dgm:else>
                      </dgm:choose>
                      <dgm:shape xmlns:r="http://schemas.openxmlformats.org/officeDocument/2006/relationships" r:blip="">
                        <dgm:adjLst/>
                      </dgm:shape>
                      <dgm:presOf/>
                      <dgm:constrLst/>
                      <dgm:ruleLst/>
                      <dgm:layoutNode name="level2Shape">
                        <dgm:alg type="tx"/>
                        <dgm:shape xmlns:r="http://schemas.openxmlformats.org/officeDocument/2006/relationships" type="roundRect" r:blip="">
                          <dgm:adjLst>
                            <dgm:adj idx="1" val="0.1"/>
                          </dgm:adjLst>
                        </dgm:shape>
                        <dgm:presOf axis="self"/>
                        <dgm:constrLst>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name="hierChild3">
                        <dgm:choose name="Name34">
                          <dgm:if name="Name35" func="var" arg="dir" op="equ" val="norm">
                            <dgm:alg type="hierChild">
                              <dgm:param type="linDir" val="fromT"/>
                              <dgm:param type="chAlign" val="l"/>
                            </dgm:alg>
                          </dgm:if>
                          <dgm:else name="Name36">
                            <dgm:alg type="hierChild">
                              <dgm:param type="linDir" val="fromT"/>
                              <dgm:param type="chAlign" val="r"/>
                            </dgm:alg>
                          </dgm:else>
                        </dgm:choose>
                        <dgm:shape xmlns:r="http://schemas.openxmlformats.org/officeDocument/2006/relationships" r:blip="">
                          <dgm:adjLst/>
                        </dgm:shape>
                        <dgm:presOf/>
                        <dgm:constrLst/>
                        <dgm:ruleLst/>
                        <dgm:forEach name="Name37" ref="repeat"/>
                      </dgm:layoutNode>
                    </dgm:layoutNode>
                  </dgm:forEach>
                </dgm:forEach>
              </dgm:layoutNode>
            </dgm:layoutNode>
          </dgm:forEach>
        </dgm:forEach>
      </dgm:layoutNode>
    </dgm:layoutNode>
    <dgm:layoutNode name="bgShapesFlow">
      <dgm:choose name="Name38">
        <dgm:if name="Name39" func="var" arg="dir" op="equ" val="norm">
          <dgm:alg type="lin">
            <dgm:param type="linDir" val="fromL"/>
            <dgm:param type="nodeVertAlign" val="mid"/>
            <dgm:param type="vertAlign" val="mid"/>
            <dgm:param type="nodeHorzAlign" val="l"/>
            <dgm:param type="horzAlign" val="l"/>
          </dgm:alg>
        </dgm:if>
        <dgm:else name="Name40">
          <dgm:alg type="lin">
            <dgm:param type="linDir" val="fromR"/>
            <dgm:param type="nodeVertAlign" val="mid"/>
            <dgm:param type="vertAlign" val="mid"/>
            <dgm:param type="nodeHorzAlign" val="r"/>
            <dgm:param type="horzAlign" val="r"/>
          </dgm:alg>
        </dgm:else>
      </dgm:choose>
      <dgm:shape xmlns:r="http://schemas.openxmlformats.org/officeDocument/2006/relationships" r:blip="">
        <dgm:adjLst/>
      </dgm:shape>
      <dgm:presOf/>
      <dgm:constrLst>
        <dgm:constr type="w" for="ch" forName="rectComp" refType="w"/>
        <dgm:constr type="h" for="ch" forName="rectComp" refType="h"/>
        <dgm:constr type="h" for="des" forName="bgRect" refType="h"/>
        <dgm:constr type="primFontSz" for="des" forName="bgRectTx" op="equ" val="65"/>
      </dgm:constrLst>
      <dgm:ruleLst/>
      <dgm:forEach name="Name41" axis="ch" ptType="node" st="2">
        <dgm:layoutNode name="rectComp">
          <dgm:alg type="composite"/>
          <dgm:shape xmlns:r="http://schemas.openxmlformats.org/officeDocument/2006/relationships" r:blip="">
            <dgm:adjLst/>
          </dgm:shape>
          <dgm:presOf/>
          <dgm:constrLst>
            <dgm:constr type="userA"/>
            <dgm:constr type="l" for="ch" forName="bgRect"/>
            <dgm:constr type="t" for="ch" forName="bgRect"/>
            <dgm:constr type="w" for="ch" forName="bgRect" refType="userA" fact="1.2"/>
            <dgm:constr type="l" for="ch" forName="bgRectTx"/>
            <dgm:constr type="t" for="ch" forName="bgRectTx"/>
            <dgm:constr type="h" for="ch" forName="bgRectTx" refType="h" refFor="ch" refForName="bgRect" fact="0.3"/>
            <dgm:constr type="w" for="ch" forName="bgRectTx" refType="w" refFor="ch" refForName="bgRect" op="equ"/>
          </dgm:constrLst>
          <dgm:ruleLst/>
          <dgm:layoutNode name="bgRect" styleLbl="bgShp">
            <dgm:alg type="sp"/>
            <dgm:shape xmlns:r="http://schemas.openxmlformats.org/officeDocument/2006/relationships" type="roundRect" r:blip="" zOrderOff="-999">
              <dgm:adjLst>
                <dgm:adj idx="1" val="0.1"/>
              </dgm:adjLst>
            </dgm:shape>
            <dgm:presOf axis="desOrSelf" ptType="node"/>
            <dgm:constrLst/>
            <dgm:ruleLst/>
          </dgm:layoutNode>
          <dgm:layoutNode name="bgRectTx" styleLbl="bgShp">
            <dgm:varLst>
              <dgm:bulletEnabled val="1"/>
            </dgm:varLst>
            <dgm:alg type="tx"/>
            <dgm:shape xmlns:r="http://schemas.openxmlformats.org/officeDocument/2006/relationships" type="rect" r:blip="" zOrderOff="-999" hideGeom="1">
              <dgm:adjLst/>
            </dgm:shape>
            <dgm:presOf axis="desOrSelf" ptType="node"/>
            <dgm:constrLst/>
            <dgm:ruleLst>
              <dgm:rule type="primFontSz" val="5" fact="NaN" max="NaN"/>
            </dgm:ruleLst>
          </dgm:layoutNode>
        </dgm:layoutNode>
        <dgm:choose name="Name42">
          <dgm:if name="Name43" axis="self" ptType="node" func="revPos" op="gte" val="2">
            <dgm:layoutNode name="spComp">
              <dgm:alg type="composite"/>
              <dgm:shape xmlns:r="http://schemas.openxmlformats.org/officeDocument/2006/relationships" r:blip="">
                <dgm:adjLst/>
              </dgm:shape>
              <dgm:presOf/>
              <dgm:constrLst>
                <dgm:constr type="userA"/>
                <dgm:constr type="userB"/>
                <dgm:constr type="l" for="ch" forName="hSp"/>
                <dgm:constr type="t" for="ch" forName="hSp"/>
                <dgm:constr type="w" for="ch" forName="hSp" refType="userB"/>
                <dgm:constr type="wOff" for="ch" forName="hSp" refType="userA" fact="-0.2"/>
              </dgm:constrLst>
              <dgm:ruleLst/>
              <dgm:layoutNode name="hSp">
                <dgm:alg type="sp"/>
                <dgm:shape xmlns:r="http://schemas.openxmlformats.org/officeDocument/2006/relationships" r:blip="">
                  <dgm:adjLst/>
                </dgm:shape>
                <dgm:presOf/>
                <dgm:constrLst/>
                <dgm:ruleLst/>
              </dgm:layoutNode>
            </dgm:layoutNode>
          </dgm:if>
          <dgm:else name="Name44"/>
        </dgm:choos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3.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3d1">
  <dgm:title val=""/>
  <dgm:desc val=""/>
  <dgm:catLst>
    <dgm:cat type="3D" pri="11100"/>
  </dgm:catLst>
  <dgm:scene3d>
    <a:camera prst="orthographicFront"/>
    <a:lightRig rig="threePt" dir="t"/>
  </dgm:scene3d>
  <dgm:styleLbl name="node0">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vennNode1">
    <dgm:scene3d>
      <a:camera prst="orthographicFront"/>
      <a:lightRig rig="flat" dir="t"/>
    </dgm:scene3d>
    <dgm:sp3d prstMaterial="plastic">
      <a:bevelT w="120900" h="88900"/>
      <a:bevelB w="88900" h="31750" prst="angle"/>
    </dgm:sp3d>
    <dgm:txPr/>
    <dgm:style>
      <a:lnRef idx="0">
        <a:scrgbClr r="0" g="0" b="0"/>
      </a:lnRef>
      <a:fillRef idx="1">
        <a:scrgbClr r="0" g="0" b="0"/>
      </a:fillRef>
      <a:effectRef idx="1">
        <a:scrgbClr r="0" g="0" b="0"/>
      </a:effectRef>
      <a:fontRef idx="minor">
        <a:schemeClr val="tx1"/>
      </a:fontRef>
    </dgm:style>
  </dgm:styleLbl>
  <dgm:styleLbl name="alignNode1">
    <dgm:scene3d>
      <a:camera prst="orthographicFront"/>
      <a:lightRig rig="flat" dir="t"/>
    </dgm:scene3d>
    <dgm:sp3d prstMaterial="plastic">
      <a:bevelT w="120900" h="88900"/>
      <a:bevelB w="88900" h="31750" prst="angle"/>
    </dgm:sp3d>
    <dgm:txPr/>
    <dgm:style>
      <a:lnRef idx="1">
        <a:scrgbClr r="0" g="0" b="0"/>
      </a:lnRef>
      <a:fillRef idx="3">
        <a:scrgbClr r="0" g="0" b="0"/>
      </a:fillRef>
      <a:effectRef idx="2">
        <a:scrgbClr r="0" g="0" b="0"/>
      </a:effectRef>
      <a:fontRef idx="minor">
        <a:schemeClr val="lt1"/>
      </a:fontRef>
    </dgm:style>
  </dgm:styleLbl>
  <dgm:styleLbl name="node1">
    <dgm:scene3d>
      <a:camera prst="orthographicFront"/>
      <a:lightRig rig="flat" dir="t"/>
    </dgm:scene3d>
    <dgm:sp3d prstMaterial="plastic">
      <a:bevelT w="120900" h="88900"/>
      <a:bevelB w="88900" h="31750" prst="angle"/>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node4">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fgImgPlace1">
    <dgm:scene3d>
      <a:camera prst="orthographicFront"/>
      <a:lightRig rig="flat" dir="t"/>
    </dgm:scene3d>
    <dgm:sp3d z="1270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alignImgPlace1">
    <dgm:scene3d>
      <a:camera prst="orthographicFront"/>
      <a:lightRig rig="flat" dir="t"/>
    </dgm:scene3d>
    <dgm:sp3d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bgImgPlace1">
    <dgm:scene3d>
      <a:camera prst="orthographicFront"/>
      <a:lightRig rig="flat" dir="t"/>
    </dgm:scene3d>
    <dgm:sp3d z="-190500" prstMaterial="plastic">
      <a:bevelT w="88900" h="88900"/>
      <a:bevelB w="88900" h="31750" prst="angle"/>
    </dgm:sp3d>
    <dgm:txPr/>
    <dgm:style>
      <a:lnRef idx="0">
        <a:scrgbClr r="0" g="0" b="0"/>
      </a:lnRef>
      <a:fillRef idx="3">
        <a:scrgbClr r="0" g="0" b="0"/>
      </a:fillRef>
      <a:effectRef idx="2">
        <a:scrgbClr r="0" g="0" b="0"/>
      </a:effectRef>
      <a:fontRef idx="minor"/>
    </dgm:style>
  </dgm:styleLbl>
  <dgm:styleLbl name="sibTrans2D1">
    <dgm:scene3d>
      <a:camera prst="orthographicFront"/>
      <a:lightRig rig="flat" dir="t"/>
    </dgm:scene3d>
    <dgm:sp3d z="-80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fgSibTrans2D1">
    <dgm:scene3d>
      <a:camera prst="orthographicFront"/>
      <a:lightRig rig="flat" dir="t"/>
    </dgm:scene3d>
    <dgm:sp3d z="1270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bgSibTrans2D1">
    <dgm:scene3d>
      <a:camera prst="orthographicFront"/>
      <a:lightRig rig="flat" dir="t"/>
    </dgm:scene3d>
    <dgm:sp3d z="-190500" prstMaterial="plastic">
      <a:bevelT w="50800" h="50800"/>
      <a:bevelB w="25400" h="25400" prst="angle"/>
    </dgm:sp3d>
    <dgm:txPr/>
    <dgm:style>
      <a:lnRef idx="0">
        <a:scrgbClr r="0" g="0" b="0"/>
      </a:lnRef>
      <a:fillRef idx="3">
        <a:scrgbClr r="0" g="0" b="0"/>
      </a:fillRef>
      <a:effectRef idx="2">
        <a:scrgbClr r="0" g="0" b="0"/>
      </a:effectRef>
      <a:fontRef idx="minor">
        <a:schemeClr val="lt1"/>
      </a:fontRef>
    </dgm:style>
  </dgm:styleLbl>
  <dgm:styleLbl name="sibTrans1D1">
    <dgm:scene3d>
      <a:camera prst="orthographicFront"/>
      <a:lightRig rig="flat" dir="t"/>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1">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2">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asst3">
    <dgm:scene3d>
      <a:camera prst="orthographicFront"/>
      <a:lightRig rig="flat" dir="t"/>
    </dgm:scene3d>
    <dgm:sp3d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1">
    <dgm:scene3d>
      <a:camera prst="orthographicFront"/>
      <a:lightRig rig="flat" dir="t"/>
    </dgm:scene3d>
    <dgm:sp3d z="-10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2">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3">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flat" dir="t"/>
    </dgm:scene3d>
    <dgm:sp3d z="-60000" prstMaterial="plastic">
      <a:bevelT w="120900" h="88900"/>
      <a:bevelB w="88900" h="31750" prst="angle"/>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flat" dir="t"/>
    </dgm:scene3d>
    <dgm:sp3d prstMaterial="matte"/>
    <dgm:txPr/>
    <dgm:style>
      <a:lnRef idx="2">
        <a:scrgbClr r="0" g="0" b="0"/>
      </a:lnRef>
      <a:fillRef idx="0">
        <a:scrgbClr r="0" g="0" b="0"/>
      </a:fillRef>
      <a:effectRef idx="0">
        <a:scrgbClr r="0" g="0" b="0"/>
      </a:effectRef>
      <a:fontRef idx="minor"/>
    </dgm:style>
  </dgm:styleLbl>
  <dgm:styleLbl name="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con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tr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F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solidAlignAcc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solidBgAcc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flat" dir="t"/>
    </dgm:scene3d>
    <dgm:sp3d extrusionH="12700" prstMaterial="plastic">
      <a:bevelT w="50800" h="50800"/>
    </dgm:sp3d>
    <dgm:txPr/>
    <dgm:style>
      <a:lnRef idx="1">
        <a:scrgbClr r="0" g="0" b="0"/>
      </a:lnRef>
      <a:fillRef idx="1">
        <a:scrgbClr r="0" g="0" b="0"/>
      </a:fillRef>
      <a:effectRef idx="2">
        <a:scrgbClr r="0" g="0" b="0"/>
      </a:effectRef>
      <a:fontRef idx="minor"/>
    </dgm:style>
  </dgm:styleLbl>
  <dgm:styleLbl name="bgAccFollowNode1">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0">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2">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3">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fgAcc4">
    <dgm:scene3d>
      <a:camera prst="orthographicFront"/>
      <a:lightRig rig="flat" dir="t"/>
    </dgm:scene3d>
    <dgm:sp3d z="190500" extrusionH="12700" prstMaterial="plastic">
      <a:bevelT w="50800" h="50800"/>
    </dgm:sp3d>
    <dgm:txPr/>
    <dgm:style>
      <a:lnRef idx="1">
        <a:scrgbClr r="0" g="0" b="0"/>
      </a:lnRef>
      <a:fillRef idx="1">
        <a:scrgbClr r="0" g="0" b="0"/>
      </a:fillRef>
      <a:effectRef idx="2">
        <a:scrgbClr r="0" g="0" b="0"/>
      </a:effectRef>
      <a:fontRef idx="minor"/>
    </dgm:style>
  </dgm:styleLbl>
  <dgm:styleLbl name="bgShp">
    <dgm:scene3d>
      <a:camera prst="orthographicFront"/>
      <a:lightRig rig="flat" dir="t"/>
    </dgm:scene3d>
    <dgm:sp3d z="-190500" extrusionH="12700" prstMaterial="plastic">
      <a:bevelT w="50800" h="50800"/>
    </dgm:sp3d>
    <dgm:txPr/>
    <dgm:style>
      <a:lnRef idx="0">
        <a:scrgbClr r="0" g="0" b="0"/>
      </a:lnRef>
      <a:fillRef idx="3">
        <a:scrgbClr r="0" g="0" b="0"/>
      </a:fillRef>
      <a:effectRef idx="0">
        <a:scrgbClr r="0" g="0" b="0"/>
      </a:effectRef>
      <a:fontRef idx="minor"/>
    </dgm:style>
  </dgm:styleLbl>
  <dgm:styleLbl name="dkBgShp">
    <dgm:scene3d>
      <a:camera prst="orthographicFront"/>
      <a:lightRig rig="flat" dir="t"/>
    </dgm:scene3d>
    <dgm:sp3d z="-190500" extrusionH="12700" prstMaterial="plastic">
      <a:bevelT w="50800" h="50800"/>
    </dgm:sp3d>
    <dgm:txPr/>
    <dgm:style>
      <a:lnRef idx="0">
        <a:scrgbClr r="0" g="0" b="0"/>
      </a:lnRef>
      <a:fillRef idx="2">
        <a:scrgbClr r="0" g="0" b="0"/>
      </a:fillRef>
      <a:effectRef idx="0">
        <a:scrgbClr r="0" g="0" b="0"/>
      </a:effectRef>
      <a:fontRef idx="minor"/>
    </dgm:style>
  </dgm:styleLbl>
  <dgm:styleLbl name="trBgShp">
    <dgm:scene3d>
      <a:camera prst="orthographicFront"/>
      <a:lightRig rig="flat" dir="t"/>
    </dgm:scene3d>
    <dgm:sp3d z="-190500" extrusionH="12700" prstMaterial="matte"/>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z="190500" prstMaterial="plastic">
      <a:bevelT w="120900" h="88900"/>
      <a:bevelB w="88900" h="31750" prst="angle"/>
    </dgm:sp3d>
    <dgm:txPr/>
    <dgm:style>
      <a:lnRef idx="0">
        <a:scrgbClr r="0" g="0" b="0"/>
      </a:lnRef>
      <a:fillRef idx="1">
        <a:scrgbClr r="0" g="0" b="0"/>
      </a:fillRef>
      <a:effectRef idx="3">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7.emf"/></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E9E4F613-39B5-4FA2-928E-3AD731DFD474}" type="datetimeFigureOut">
              <a:rPr lang="en-US" smtClean="0"/>
              <a:t>12/14/2017</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55284F37-40F1-432B-B847-F7D70ABC7F42}" type="slidenum">
              <a:rPr lang="en-US" smtClean="0"/>
              <a:t>‹#›</a:t>
            </a:fld>
            <a:endParaRPr lang="en-US"/>
          </a:p>
        </p:txBody>
      </p:sp>
    </p:spTree>
    <p:extLst>
      <p:ext uri="{BB962C8B-B14F-4D97-AF65-F5344CB8AC3E}">
        <p14:creationId xmlns:p14="http://schemas.microsoft.com/office/powerpoint/2010/main" val="287459749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0"/>
            <a:r>
              <a:rPr lang="en-US" sz="1200" kern="1200" dirty="0">
                <a:solidFill>
                  <a:schemeClr val="tx1"/>
                </a:solidFill>
                <a:effectLst/>
                <a:latin typeface="+mn-lt"/>
                <a:ea typeface="+mn-ea"/>
                <a:cs typeface="+mn-cs"/>
              </a:rPr>
              <a:t>4. How do you share the data with your DFSA team – </a:t>
            </a:r>
            <a:r>
              <a:rPr lang="en-US" sz="1200" kern="1200" dirty="0" err="1">
                <a:solidFill>
                  <a:schemeClr val="tx1"/>
                </a:solidFill>
                <a:effectLst/>
                <a:latin typeface="+mn-lt"/>
                <a:ea typeface="+mn-ea"/>
                <a:cs typeface="+mn-cs"/>
              </a:rPr>
              <a:t>CoP</a:t>
            </a:r>
            <a:r>
              <a:rPr lang="en-US" sz="1200" kern="1200" dirty="0">
                <a:solidFill>
                  <a:schemeClr val="tx1"/>
                </a:solidFill>
                <a:effectLst/>
                <a:latin typeface="+mn-lt"/>
                <a:ea typeface="+mn-ea"/>
                <a:cs typeface="+mn-cs"/>
              </a:rPr>
              <a:t>, </a:t>
            </a:r>
            <a:r>
              <a:rPr lang="en-US" sz="1200" kern="1200" dirty="0" err="1">
                <a:solidFill>
                  <a:schemeClr val="tx1"/>
                </a:solidFill>
                <a:effectLst/>
                <a:latin typeface="+mn-lt"/>
                <a:ea typeface="+mn-ea"/>
                <a:cs typeface="+mn-cs"/>
              </a:rPr>
              <a:t>DCoP</a:t>
            </a:r>
            <a:r>
              <a:rPr lang="en-US" sz="1200" kern="1200" dirty="0">
                <a:solidFill>
                  <a:schemeClr val="tx1"/>
                </a:solidFill>
                <a:effectLst/>
                <a:latin typeface="+mn-lt"/>
                <a:ea typeface="+mn-ea"/>
                <a:cs typeface="+mn-cs"/>
              </a:rPr>
              <a:t>, Technicians, partners, and field-level staff (volunteers/ promoters, etc.)? How often?</a:t>
            </a:r>
          </a:p>
          <a:p>
            <a:endParaRPr lang="en-US" dirty="0"/>
          </a:p>
        </p:txBody>
      </p:sp>
      <p:sp>
        <p:nvSpPr>
          <p:cNvPr id="4" name="Slide Number Placeholder 3"/>
          <p:cNvSpPr>
            <a:spLocks noGrp="1"/>
          </p:cNvSpPr>
          <p:nvPr>
            <p:ph type="sldNum" sz="quarter" idx="10"/>
          </p:nvPr>
        </p:nvSpPr>
        <p:spPr/>
        <p:txBody>
          <a:bodyPr/>
          <a:lstStyle/>
          <a:p>
            <a:fld id="{6C534876-1F1E-44DE-9659-FDC55009CFD9}" type="slidenum">
              <a:rPr lang="en-US" smtClean="0"/>
              <a:t>15</a:t>
            </a:fld>
            <a:endParaRPr lang="en-US"/>
          </a:p>
        </p:txBody>
      </p:sp>
    </p:spTree>
    <p:extLst>
      <p:ext uri="{BB962C8B-B14F-4D97-AF65-F5344CB8AC3E}">
        <p14:creationId xmlns:p14="http://schemas.microsoft.com/office/powerpoint/2010/main" val="559602811"/>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 Id="rId5" Type="http://schemas.openxmlformats.org/officeDocument/2006/relationships/image" Target="../media/image4.jpg"/><Relationship Id="rId4" Type="http://schemas.openxmlformats.org/officeDocument/2006/relationships/image" Target="../media/image3.JP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4.jp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89213" y="2514600"/>
            <a:ext cx="8915399" cy="2262781"/>
          </a:xfrm>
        </p:spPr>
        <p:txBody>
          <a:bodyPr anchor="b">
            <a:normAutofit/>
          </a:bodyPr>
          <a:lstStyle>
            <a:lvl1pPr>
              <a:defRPr sz="5400"/>
            </a:lvl1pPr>
          </a:lstStyle>
          <a:p>
            <a:r>
              <a:rPr lang="en-US"/>
              <a:t>Click to edit Master title style</a:t>
            </a:r>
            <a:endParaRPr lang="en-US" dirty="0"/>
          </a:p>
        </p:txBody>
      </p:sp>
      <p:sp>
        <p:nvSpPr>
          <p:cNvPr id="3" name="Subtitle 2"/>
          <p:cNvSpPr>
            <a:spLocks noGrp="1"/>
          </p:cNvSpPr>
          <p:nvPr>
            <p:ph type="subTitle" idx="1"/>
          </p:nvPr>
        </p:nvSpPr>
        <p:spPr>
          <a:xfrm>
            <a:off x="2589213" y="4777379"/>
            <a:ext cx="8915399" cy="1126283"/>
          </a:xfrm>
        </p:spPr>
        <p:txBody>
          <a:bodyPr anchor="t"/>
          <a:lstStyle>
            <a:lvl1pPr marL="0" indent="0" algn="l">
              <a:buNone/>
              <a:defRPr>
                <a:solidFill>
                  <a:schemeClr val="tx1">
                    <a:lumMod val="65000"/>
                    <a:lumOff val="3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7" name="Freeform 6"/>
          <p:cNvSpPr/>
          <p:nvPr/>
        </p:nvSpPr>
        <p:spPr bwMode="auto">
          <a:xfrm>
            <a:off x="0" y="4323810"/>
            <a:ext cx="1744652" cy="778589"/>
          </a:xfrm>
          <a:custGeom>
            <a:avLst/>
            <a:gdLst/>
            <a:ahLst/>
            <a:cxnLst/>
            <a:rect l="0" t="0" r="r" b="b"/>
            <a:pathLst>
              <a:path w="372" h="166">
                <a:moveTo>
                  <a:pt x="287" y="166"/>
                </a:moveTo>
                <a:cubicBezTo>
                  <a:pt x="290" y="166"/>
                  <a:pt x="292" y="165"/>
                  <a:pt x="293" y="164"/>
                </a:cubicBezTo>
                <a:cubicBezTo>
                  <a:pt x="293" y="163"/>
                  <a:pt x="294" y="163"/>
                  <a:pt x="294" y="163"/>
                </a:cubicBezTo>
                <a:cubicBezTo>
                  <a:pt x="370" y="87"/>
                  <a:pt x="370" y="87"/>
                  <a:pt x="370" y="87"/>
                </a:cubicBezTo>
                <a:cubicBezTo>
                  <a:pt x="372" y="85"/>
                  <a:pt x="372" y="81"/>
                  <a:pt x="370" y="78"/>
                </a:cubicBezTo>
                <a:cubicBezTo>
                  <a:pt x="294" y="3"/>
                  <a:pt x="294" y="3"/>
                  <a:pt x="294" y="3"/>
                </a:cubicBezTo>
                <a:cubicBezTo>
                  <a:pt x="294" y="2"/>
                  <a:pt x="293" y="2"/>
                  <a:pt x="293" y="2"/>
                </a:cubicBezTo>
                <a:cubicBezTo>
                  <a:pt x="292" y="1"/>
                  <a:pt x="290" y="0"/>
                  <a:pt x="287" y="0"/>
                </a:cubicBezTo>
                <a:cubicBezTo>
                  <a:pt x="0" y="0"/>
                  <a:pt x="0" y="0"/>
                  <a:pt x="0" y="0"/>
                </a:cubicBezTo>
                <a:cubicBezTo>
                  <a:pt x="0" y="166"/>
                  <a:pt x="0" y="166"/>
                  <a:pt x="0" y="166"/>
                </a:cubicBezTo>
                <a:lnTo>
                  <a:pt x="287" y="166"/>
                </a:lnTo>
                <a:close/>
              </a:path>
            </a:pathLst>
          </a:custGeom>
          <a:solidFill>
            <a:schemeClr val="accent1"/>
          </a:solidFill>
          <a:ln>
            <a:noFill/>
          </a:ln>
        </p:spPr>
      </p:sp>
      <p:sp>
        <p:nvSpPr>
          <p:cNvPr id="6" name="Slide Number Placeholder 5"/>
          <p:cNvSpPr>
            <a:spLocks noGrp="1"/>
          </p:cNvSpPr>
          <p:nvPr>
            <p:ph type="sldNum" sz="quarter" idx="12"/>
          </p:nvPr>
        </p:nvSpPr>
        <p:spPr>
          <a:xfrm>
            <a:off x="531812" y="4529540"/>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le and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609600"/>
            <a:ext cx="8915399" cy="3117040"/>
          </a:xfrm>
        </p:spPr>
        <p:txBody>
          <a:bodyPr anchor="ctr">
            <a:normAutofit/>
          </a:bodyPr>
          <a:lstStyle>
            <a:lvl1pPr algn="l">
              <a:defRPr sz="48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Quot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13" name="Text Placeholder 9"/>
          <p:cNvSpPr>
            <a:spLocks noGrp="1"/>
          </p:cNvSpPr>
          <p:nvPr>
            <p:ph type="body" sz="quarter" idx="13"/>
          </p:nvPr>
        </p:nvSpPr>
        <p:spPr>
          <a:xfrm>
            <a:off x="3275012" y="3505200"/>
            <a:ext cx="7536554" cy="381000"/>
          </a:xfrm>
        </p:spPr>
        <p:txBody>
          <a:bodyPr anchor="ctr">
            <a:noAutofit/>
          </a:bodyPr>
          <a:lstStyle>
            <a:lvl1pPr marL="0" indent="0">
              <a:buFontTx/>
              <a:buNone/>
              <a:defRPr sz="1600">
                <a:solidFill>
                  <a:schemeClr val="tx1">
                    <a:lumMod val="50000"/>
                    <a:lumOff val="50000"/>
                  </a:schemeClr>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Edit Master text styles</a:t>
            </a:r>
          </a:p>
        </p:txBody>
      </p:sp>
      <p:sp>
        <p:nvSpPr>
          <p:cNvPr id="3" name="Text Placeholder 2"/>
          <p:cNvSpPr>
            <a:spLocks noGrp="1"/>
          </p:cNvSpPr>
          <p:nvPr>
            <p:ph type="body" idx="1"/>
          </p:nvPr>
        </p:nvSpPr>
        <p:spPr>
          <a:xfrm>
            <a:off x="2589212" y="4354046"/>
            <a:ext cx="8915399" cy="1555864"/>
          </a:xfrm>
        </p:spPr>
        <p:txBody>
          <a:bodyPr anchor="ctr">
            <a:normAutofit/>
          </a:bodyPr>
          <a:lstStyle>
            <a:lvl1pPr marL="0" indent="0" algn="l">
              <a:buNone/>
              <a:defRPr sz="18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11"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D57F1E4F-1CFF-5643-939E-217C01CDF565}" type="slidenum">
              <a:rPr lang="en-US" dirty="0"/>
              <a:pPr/>
              <a:t>‹#›</a:t>
            </a:fld>
            <a:endParaRPr lang="en-US" dirty="0"/>
          </a:p>
        </p:txBody>
      </p:sp>
      <p:sp>
        <p:nvSpPr>
          <p:cNvPr id="14" name="TextBox 13"/>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5" name="TextBox 14"/>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Name Card">
    <p:spTree>
      <p:nvGrpSpPr>
        <p:cNvPr id="1" name=""/>
        <p:cNvGrpSpPr/>
        <p:nvPr/>
      </p:nvGrpSpPr>
      <p:grpSpPr>
        <a:xfrm>
          <a:off x="0" y="0"/>
          <a:ext cx="0" cy="0"/>
          <a:chOff x="0" y="0"/>
          <a:chExt cx="0" cy="0"/>
        </a:xfrm>
      </p:grpSpPr>
      <p:sp>
        <p:nvSpPr>
          <p:cNvPr id="2" name="Title 1"/>
          <p:cNvSpPr>
            <a:spLocks noGrp="1"/>
          </p:cNvSpPr>
          <p:nvPr>
            <p:ph type="title"/>
          </p:nvPr>
        </p:nvSpPr>
        <p:spPr>
          <a:xfrm>
            <a:off x="2589213" y="2438400"/>
            <a:ext cx="8915400" cy="2724845"/>
          </a:xfrm>
        </p:spPr>
        <p:txBody>
          <a:bodyPr anchor="b">
            <a:normAutofit/>
          </a:bodyPr>
          <a:lstStyle>
            <a:lvl1pPr algn="l">
              <a:defRPr sz="4800" b="0"/>
            </a:lvl1pPr>
          </a:lstStyle>
          <a:p>
            <a:r>
              <a:rPr lang="en-US"/>
              <a:t>Click to edit Master title style</a:t>
            </a:r>
            <a:endParaRPr lang="en-US" dirty="0"/>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Edit Master text styles</a:t>
            </a:r>
          </a:p>
        </p:txBody>
      </p:sp>
      <p:sp>
        <p:nvSpPr>
          <p:cNvPr id="5" name="Date Placeholder 4"/>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Quote Name Card">
    <p:spTree>
      <p:nvGrpSpPr>
        <p:cNvPr id="1" name=""/>
        <p:cNvGrpSpPr/>
        <p:nvPr/>
      </p:nvGrpSpPr>
      <p:grpSpPr>
        <a:xfrm>
          <a:off x="0" y="0"/>
          <a:ext cx="0" cy="0"/>
          <a:chOff x="0" y="0"/>
          <a:chExt cx="0" cy="0"/>
        </a:xfrm>
      </p:grpSpPr>
      <p:sp>
        <p:nvSpPr>
          <p:cNvPr id="12" name="Title 1"/>
          <p:cNvSpPr>
            <a:spLocks noGrp="1"/>
          </p:cNvSpPr>
          <p:nvPr>
            <p:ph type="title"/>
          </p:nvPr>
        </p:nvSpPr>
        <p:spPr>
          <a:xfrm>
            <a:off x="2849949" y="609600"/>
            <a:ext cx="8393926" cy="2895600"/>
          </a:xfrm>
        </p:spPr>
        <p:txBody>
          <a:bodyPr anchor="ctr">
            <a:normAutofit/>
          </a:bodyPr>
          <a:lstStyle>
            <a:lvl1pPr algn="l">
              <a:defRPr sz="4800" b="0" cap="none"/>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Edit Master text styles</a:t>
            </a:r>
          </a:p>
        </p:txBody>
      </p:sp>
      <p:sp>
        <p:nvSpPr>
          <p:cNvPr id="5" name="Date Placeholder 4"/>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1"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D57F1E4F-1CFF-5643-939E-217C01CDF565}" type="slidenum">
              <a:rPr lang="en-US" dirty="0"/>
              <a:pPr/>
              <a:t>‹#›</a:t>
            </a:fld>
            <a:endParaRPr lang="en-US" dirty="0"/>
          </a:p>
        </p:txBody>
      </p:sp>
      <p:sp>
        <p:nvSpPr>
          <p:cNvPr id="17" name="TextBox 16"/>
          <p:cNvSpPr txBox="1"/>
          <p:nvPr/>
        </p:nvSpPr>
        <p:spPr>
          <a:xfrm>
            <a:off x="2467652" y="648005"/>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
        <p:nvSpPr>
          <p:cNvPr id="18" name="TextBox 17"/>
          <p:cNvSpPr txBox="1"/>
          <p:nvPr/>
        </p:nvSpPr>
        <p:spPr>
          <a:xfrm>
            <a:off x="11114852" y="2905306"/>
            <a:ext cx="609600" cy="584776"/>
          </a:xfrm>
          <a:prstGeom prst="rect">
            <a:avLst/>
          </a:prstGeom>
        </p:spPr>
        <p:txBody>
          <a:bodyPr vert="horz" lIns="91440" tIns="45720" rIns="91440" bIns="45720" rtlCol="0" anchor="ctr">
            <a:noAutofit/>
          </a:bodyPr>
          <a:lstStyle/>
          <a:p>
            <a:pPr lvl="0"/>
            <a:r>
              <a:rPr lang="en-US" sz="8000" baseline="0" dirty="0">
                <a:ln w="3175" cmpd="sng">
                  <a:noFill/>
                </a:ln>
                <a:solidFill>
                  <a:schemeClr val="accent1"/>
                </a:solidFill>
                <a:effectLst/>
                <a:latin typeface="Arial"/>
              </a:rPr>
              <a:t>”</a:t>
            </a:r>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True or False">
    <p:spTree>
      <p:nvGrpSpPr>
        <p:cNvPr id="1" name=""/>
        <p:cNvGrpSpPr/>
        <p:nvPr/>
      </p:nvGrpSpPr>
      <p:grpSpPr>
        <a:xfrm>
          <a:off x="0" y="0"/>
          <a:ext cx="0" cy="0"/>
          <a:chOff x="0" y="0"/>
          <a:chExt cx="0" cy="0"/>
        </a:xfrm>
      </p:grpSpPr>
      <p:sp>
        <p:nvSpPr>
          <p:cNvPr id="2" name="Title 1"/>
          <p:cNvSpPr>
            <a:spLocks noGrp="1"/>
          </p:cNvSpPr>
          <p:nvPr>
            <p:ph type="title"/>
          </p:nvPr>
        </p:nvSpPr>
        <p:spPr>
          <a:xfrm>
            <a:off x="2589212" y="627407"/>
            <a:ext cx="8915399" cy="2880020"/>
          </a:xfrm>
        </p:spPr>
        <p:txBody>
          <a:bodyPr anchor="ctr">
            <a:normAutofit/>
          </a:bodyPr>
          <a:lstStyle>
            <a:lvl1pPr algn="l">
              <a:defRPr sz="4800" b="0"/>
            </a:lvl1pPr>
          </a:lstStyle>
          <a:p>
            <a:r>
              <a:rPr lang="en-US"/>
              <a:t>Click to edit Master title style</a:t>
            </a:r>
            <a:endParaRPr lang="en-US" dirty="0"/>
          </a:p>
        </p:txBody>
      </p:sp>
      <p:sp>
        <p:nvSpPr>
          <p:cNvPr id="21" name="Text Placeholder 9"/>
          <p:cNvSpPr>
            <a:spLocks noGrp="1"/>
          </p:cNvSpPr>
          <p:nvPr>
            <p:ph type="body" sz="quarter" idx="13"/>
          </p:nvPr>
        </p:nvSpPr>
        <p:spPr>
          <a:xfrm>
            <a:off x="2589212" y="4343400"/>
            <a:ext cx="8915400" cy="838200"/>
          </a:xfrm>
        </p:spPr>
        <p:txBody>
          <a:bodyPr anchor="b">
            <a:noAutofit/>
          </a:bodyPr>
          <a:lstStyle>
            <a:lvl1pPr marL="0" indent="0">
              <a:buFontTx/>
              <a:buNone/>
              <a:defRPr sz="2400">
                <a:solidFill>
                  <a:schemeClr val="accent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Edit Master text styles</a:t>
            </a:r>
          </a:p>
        </p:txBody>
      </p:sp>
      <p:sp>
        <p:nvSpPr>
          <p:cNvPr id="4" name="Text Placeholder 3"/>
          <p:cNvSpPr>
            <a:spLocks noGrp="1"/>
          </p:cNvSpPr>
          <p:nvPr>
            <p:ph type="body" sz="half" idx="2"/>
          </p:nvPr>
        </p:nvSpPr>
        <p:spPr>
          <a:xfrm>
            <a:off x="2589213" y="5181600"/>
            <a:ext cx="8915400" cy="729622"/>
          </a:xfrm>
        </p:spPr>
        <p:txBody>
          <a:bodyPr vert="horz" lIns="91440" tIns="45720" rIns="91440" bIns="45720" rtlCol="0" anchor="t">
            <a:normAutofit/>
          </a:bodyPr>
          <a:lstStyle>
            <a:lvl1pPr>
              <a:buNone/>
              <a:defRPr lang="en-US">
                <a:solidFill>
                  <a:schemeClr val="tx1">
                    <a:lumMod val="65000"/>
                    <a:lumOff val="35000"/>
                  </a:schemeClr>
                </a:solidFill>
              </a:defRPr>
            </a:lvl1pPr>
          </a:lstStyle>
          <a:p>
            <a:pPr marL="0" lvl="0" indent="0">
              <a:buNone/>
            </a:pPr>
            <a:r>
              <a:rPr lang="en-US"/>
              <a:t>Edit Master text styles</a:t>
            </a:r>
          </a:p>
        </p:txBody>
      </p:sp>
      <p:sp>
        <p:nvSpPr>
          <p:cNvPr id="5" name="Date Placeholder 4"/>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ncho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D57F1E4F-1CFF-5643-939E-217C01CDF565}" type="slidenum">
              <a:rPr lang="en-US" dirty="0"/>
              <a:pPr/>
              <a:t>‹#›</a:t>
            </a:fld>
            <a:endParaRPr lang="en-US" dirty="0"/>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9294812" y="627405"/>
            <a:ext cx="2207601" cy="5283817"/>
          </a:xfrm>
        </p:spPr>
        <p:txBody>
          <a:bodyPr vert="eaVert" anchor="ctr"/>
          <a:lstStyle/>
          <a:p>
            <a:r>
              <a:rPr lang="en-US"/>
              <a:t>Click to edit Master title style</a:t>
            </a:r>
            <a:endParaRPr lang="en-US" dirty="0"/>
          </a:p>
        </p:txBody>
      </p:sp>
      <p:sp>
        <p:nvSpPr>
          <p:cNvPr id="3" name="Vertical Text Placeholder 2"/>
          <p:cNvSpPr>
            <a:spLocks noGrp="1"/>
          </p:cNvSpPr>
          <p:nvPr>
            <p:ph type="body" orient="vert" idx="1"/>
          </p:nvPr>
        </p:nvSpPr>
        <p:spPr>
          <a:xfrm>
            <a:off x="2589212" y="627405"/>
            <a:ext cx="6477000" cy="5283817"/>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D57F1E4F-1CFF-5643-939E-217C01CDF565}" type="slidenum">
              <a:rPr lang="en-US" dirty="0"/>
              <a:pPr/>
              <a:t>‹#›</a:t>
            </a:fld>
            <a:endParaRPr lang="en-US"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userDrawn="1">
  <p:cSld name="1_Title Slide">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0" y="845262"/>
            <a:ext cx="12192000" cy="693881"/>
          </a:xfrm>
          <a:prstGeom prst="rect">
            <a:avLst/>
          </a:prstGeom>
        </p:spPr>
        <p:txBody>
          <a:bodyPr anchor="b"/>
          <a:lstStyle>
            <a:lvl1pPr algn="ctr">
              <a:defRPr sz="3600" b="1">
                <a:solidFill>
                  <a:srgbClr val="C00000"/>
                </a:solidFill>
                <a:latin typeface="Gill Sans MT" panose="020B0502020104020203" pitchFamily="34" charset="0"/>
              </a:defRPr>
            </a:lvl1pPr>
          </a:lstStyle>
          <a:p>
            <a:r>
              <a:rPr lang="en-US" dirty="0"/>
              <a:t>Title</a:t>
            </a:r>
          </a:p>
        </p:txBody>
      </p:sp>
      <p:pic>
        <p:nvPicPr>
          <p:cNvPr id="8" name="Picture 7" descr="USAID logo" title="USAID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15189" y="3"/>
            <a:ext cx="2637907" cy="814377"/>
          </a:xfrm>
          <a:prstGeom prst="rect">
            <a:avLst/>
          </a:prstGeom>
        </p:spPr>
      </p:pic>
      <p:pic>
        <p:nvPicPr>
          <p:cNvPr id="9" name="Picture 8" descr="USAID logo" title="PAHAL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382357" y="143532"/>
            <a:ext cx="1554723" cy="455111"/>
          </a:xfrm>
          <a:prstGeom prst="rect">
            <a:avLst/>
          </a:prstGeom>
        </p:spPr>
      </p:pic>
      <p:sp>
        <p:nvSpPr>
          <p:cNvPr id="11" name="Text Placeholder 2"/>
          <p:cNvSpPr>
            <a:spLocks noGrp="1"/>
          </p:cNvSpPr>
          <p:nvPr>
            <p:ph idx="1"/>
          </p:nvPr>
        </p:nvSpPr>
        <p:spPr>
          <a:xfrm>
            <a:off x="1" y="2032380"/>
            <a:ext cx="12191999" cy="3332103"/>
          </a:xfrm>
          <a:prstGeom prst="rect">
            <a:avLst/>
          </a:prstGeom>
          <a:blipFill>
            <a:blip r:embed="rId4"/>
            <a:srcRect/>
            <a:stretch>
              <a:fillRect t="-41827" b="-35733"/>
            </a:stretch>
          </a:blipFill>
        </p:spPr>
        <p:txBody>
          <a:bodyPr vert="horz" lIns="91440" tIns="45720" rIns="91440" bIns="45720" rtlCol="0">
            <a:normAutofit/>
          </a:bodyPr>
          <a:lstStyle/>
          <a:p>
            <a:pPr lvl="0"/>
            <a:endParaRPr lang="en-US" dirty="0"/>
          </a:p>
        </p:txBody>
      </p:sp>
      <p:sp>
        <p:nvSpPr>
          <p:cNvPr id="12" name="Subtitle 2"/>
          <p:cNvSpPr>
            <a:spLocks noGrp="1"/>
          </p:cNvSpPr>
          <p:nvPr>
            <p:ph type="subTitle" idx="13" hasCustomPrompt="1"/>
          </p:nvPr>
        </p:nvSpPr>
        <p:spPr>
          <a:xfrm>
            <a:off x="2" y="1605068"/>
            <a:ext cx="12192001" cy="361381"/>
          </a:xfrm>
          <a:prstGeom prst="rect">
            <a:avLst/>
          </a:prstGeom>
        </p:spPr>
        <p:txBody>
          <a:bodyPr/>
          <a:lstStyle>
            <a:lvl1pPr marL="0" indent="0" algn="ctr">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lt;Date&gt;</a:t>
            </a:r>
          </a:p>
        </p:txBody>
      </p:sp>
      <p:pic>
        <p:nvPicPr>
          <p:cNvPr id="14" name="Picture 13" descr="PAHAL is a program funded by USAID and implemented by Mercy Corps and the following international and national consortium partners. Partner logos including Mercy Corps, PLAN International, Feinstein International Center, GeoHazards International, and others." title="PAHAL is a program funded by USAID and implemented by Mercy Corps and the following international and national consortium partners. Partner logos"/>
          <p:cNvPicPr>
            <a:picLocks noChangeAspect="1"/>
          </p:cNvPicPr>
          <p:nvPr userDrawn="1"/>
        </p:nvPicPr>
        <p:blipFill>
          <a:blip r:embed="rId5">
            <a:extLst>
              <a:ext uri="{28A0092B-C50C-407E-A947-70E740481C1C}">
                <a14:useLocalDpi xmlns:a14="http://schemas.microsoft.com/office/drawing/2010/main" val="0"/>
              </a:ext>
            </a:extLst>
          </a:blip>
          <a:stretch>
            <a:fillRect/>
          </a:stretch>
        </p:blipFill>
        <p:spPr>
          <a:xfrm>
            <a:off x="3121473" y="5506281"/>
            <a:ext cx="5949048" cy="1273341"/>
          </a:xfrm>
          <a:prstGeom prst="rect">
            <a:avLst/>
          </a:prstGeom>
        </p:spPr>
      </p:pic>
    </p:spTree>
    <p:extLst>
      <p:ext uri="{BB962C8B-B14F-4D97-AF65-F5344CB8AC3E}">
        <p14:creationId xmlns:p14="http://schemas.microsoft.com/office/powerpoint/2010/main" val="338937202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2_Title Slide">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AD63B6CD-B85D-4DCC-B622-627331956F97}" type="datetimeFigureOut">
              <a:rPr lang="en-US" smtClean="0"/>
              <a:t>12/14/2017</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25EE44B9-BDD8-40F2-8BF2-53F6FAAC9550}" type="slidenum">
              <a:rPr lang="en-US" smtClean="0"/>
              <a:t>‹#›</a:t>
            </a:fld>
            <a:endParaRPr lang="en-US"/>
          </a:p>
        </p:txBody>
      </p:sp>
      <p:pic>
        <p:nvPicPr>
          <p:cNvPr id="8" name="Picture 7" descr="USAID logo" title="USAID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15189" y="3"/>
            <a:ext cx="2637907" cy="814377"/>
          </a:xfrm>
          <a:prstGeom prst="rect">
            <a:avLst/>
          </a:prstGeom>
        </p:spPr>
      </p:pic>
      <p:pic>
        <p:nvPicPr>
          <p:cNvPr id="9" name="Picture 8" descr="PAHAL logo" title="PAHAL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382357" y="143532"/>
            <a:ext cx="1554723" cy="455111"/>
          </a:xfrm>
          <a:prstGeom prst="rect">
            <a:avLst/>
          </a:prstGeom>
        </p:spPr>
      </p:pic>
      <p:sp>
        <p:nvSpPr>
          <p:cNvPr id="11" name="Text Placeholder 2"/>
          <p:cNvSpPr>
            <a:spLocks noGrp="1"/>
          </p:cNvSpPr>
          <p:nvPr>
            <p:ph idx="1"/>
          </p:nvPr>
        </p:nvSpPr>
        <p:spPr>
          <a:xfrm>
            <a:off x="3" y="1949968"/>
            <a:ext cx="12191999" cy="2680222"/>
          </a:xfrm>
          <a:prstGeom prst="rect">
            <a:avLst/>
          </a:prstGeom>
        </p:spPr>
        <p:txBody>
          <a:bodyPr vert="horz" lIns="91440" tIns="45720" rIns="91440" bIns="45720" rtlCol="0">
            <a:normAutofit/>
          </a:bodyPr>
          <a:lstStyle>
            <a:lvl1pPr marL="0" marR="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lvl1pPr>
          </a:lstStyle>
          <a:p>
            <a:pPr lvl="0"/>
            <a:endParaRPr lang="en-US" dirty="0"/>
          </a:p>
        </p:txBody>
      </p:sp>
      <p:pic>
        <p:nvPicPr>
          <p:cNvPr id="10" name="Picture 9" descr="partner logos including Mercy Corps, PLAN International, Feinstein International Center, GeoHazards International, and others" title="partner logos"/>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3374928" y="5430719"/>
            <a:ext cx="5949048" cy="1273341"/>
          </a:xfrm>
          <a:prstGeom prst="rect">
            <a:avLst/>
          </a:prstGeom>
        </p:spPr>
      </p:pic>
    </p:spTree>
    <p:extLst>
      <p:ext uri="{BB962C8B-B14F-4D97-AF65-F5344CB8AC3E}">
        <p14:creationId xmlns:p14="http://schemas.microsoft.com/office/powerpoint/2010/main" val="12642549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2592925" y="624110"/>
            <a:ext cx="8911687" cy="1280890"/>
          </a:xfrm>
        </p:spPr>
        <p:txBody>
          <a:bodyPr/>
          <a:lstStyle/>
          <a:p>
            <a:r>
              <a:rPr lang="en-US"/>
              <a:t>Click to edit Master title style</a:t>
            </a:r>
            <a:endParaRPr lang="en-US" dirty="0"/>
          </a:p>
        </p:txBody>
      </p:sp>
      <p:sp>
        <p:nvSpPr>
          <p:cNvPr id="3" name="Content Placeholder 2"/>
          <p:cNvSpPr>
            <a:spLocks noGrp="1"/>
          </p:cNvSpPr>
          <p:nvPr>
            <p:ph idx="1"/>
          </p:nvPr>
        </p:nvSpPr>
        <p:spPr>
          <a:xfrm>
            <a:off x="2589212" y="2133600"/>
            <a:ext cx="8915400" cy="3777622"/>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8"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p:txBody>
          <a:bodyPr/>
          <a:lstStyle/>
          <a:p>
            <a:fld id="{D57F1E4F-1CFF-5643-939E-217C01CDF565}" type="slidenum">
              <a:rPr lang="en-US" dirty="0"/>
              <a:pPr/>
              <a:t>‹#›</a:t>
            </a:fld>
            <a:endParaRPr lang="en-US" dirty="0"/>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2589212" y="2058750"/>
            <a:ext cx="8915399" cy="1468800"/>
          </a:xfrm>
        </p:spPr>
        <p:txBody>
          <a:bodyPr anchor="b"/>
          <a:lstStyle>
            <a:lvl1pPr algn="l">
              <a:defRPr sz="4000" b="0" cap="none"/>
            </a:lvl1pPr>
          </a:lstStyle>
          <a:p>
            <a:r>
              <a:rPr lang="en-US"/>
              <a:t>Click to edit Master title style</a:t>
            </a:r>
            <a:endParaRPr lang="en-US" dirty="0"/>
          </a:p>
        </p:txBody>
      </p:sp>
      <p:sp>
        <p:nvSpPr>
          <p:cNvPr id="3" name="Text Placeholder 2"/>
          <p:cNvSpPr>
            <a:spLocks noGrp="1"/>
          </p:cNvSpPr>
          <p:nvPr>
            <p:ph type="body" idx="1"/>
          </p:nvPr>
        </p:nvSpPr>
        <p:spPr>
          <a:xfrm>
            <a:off x="2589212" y="3530129"/>
            <a:ext cx="8915399" cy="860400"/>
          </a:xfrm>
        </p:spPr>
        <p:txBody>
          <a:bodyPr anchor="t"/>
          <a:lstStyle>
            <a:lvl1pPr marL="0" indent="0" algn="l">
              <a:buNone/>
              <a:defRPr sz="200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9" name="Freeform 11"/>
          <p:cNvSpPr/>
          <p:nvPr/>
        </p:nvSpPr>
        <p:spPr bwMode="auto">
          <a:xfrm flipV="1">
            <a:off x="-4189" y="31781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6" name="Slide Number Placeholder 5"/>
          <p:cNvSpPr>
            <a:spLocks noGrp="1"/>
          </p:cNvSpPr>
          <p:nvPr>
            <p:ph type="sldNum" sz="quarter" idx="12"/>
          </p:nvPr>
        </p:nvSpPr>
        <p:spPr>
          <a:xfrm>
            <a:off x="531812" y="3244139"/>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2589212" y="2133600"/>
            <a:ext cx="4313864" cy="3777622"/>
          </a:xfrm>
        </p:spPr>
        <p:txBody>
          <a:bodyPr>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7190747" y="2126222"/>
            <a:ext cx="4313864" cy="3777622"/>
          </a:xfrm>
        </p:spPr>
        <p:txBody>
          <a:bodyPr>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10"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1" name="Slide Number Placeholder 5"/>
          <p:cNvSpPr>
            <a:spLocks noGrp="1"/>
          </p:cNvSpPr>
          <p:nvPr>
            <p:ph type="sldNum" sz="quarter" idx="12"/>
          </p:nvPr>
        </p:nvSpPr>
        <p:spPr>
          <a:xfrm>
            <a:off x="531812" y="787782"/>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2939373" y="1972703"/>
            <a:ext cx="3992732"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2589212" y="2548966"/>
            <a:ext cx="4342893" cy="3354060"/>
          </a:xfrm>
        </p:spPr>
        <p:txBody>
          <a:bodyPr>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7506629" y="1969475"/>
            <a:ext cx="3999001" cy="576262"/>
          </a:xfrm>
        </p:spPr>
        <p:txBody>
          <a:bodyPr anchor="b">
            <a:noAutofit/>
          </a:bodyPr>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7166957" y="2545738"/>
            <a:ext cx="4338674" cy="3354060"/>
          </a:xfrm>
        </p:spPr>
        <p:txBody>
          <a:bodyPr>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12"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13" name="Slide Number Placeholder 5"/>
          <p:cNvSpPr>
            <a:spLocks noGrp="1"/>
          </p:cNvSpPr>
          <p:nvPr>
            <p:ph type="sldNum" sz="quarter" idx="12"/>
          </p:nvPr>
        </p:nvSpPr>
        <p:spPr>
          <a:xfrm>
            <a:off x="531812" y="787782"/>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7"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5" name="Slide Number Placeholder 4"/>
          <p:cNvSpPr>
            <a:spLocks noGrp="1"/>
          </p:cNvSpPr>
          <p:nvPr>
            <p:ph type="sldNum" sz="quarter" idx="12"/>
          </p:nvPr>
        </p:nvSpPr>
        <p:spPr/>
        <p:txBody>
          <a:bodyPr/>
          <a:lstStyle/>
          <a:p>
            <a:fld id="{D57F1E4F-1CFF-5643-939E-217C01CDF565}" type="slidenum">
              <a:rPr lang="en-US" dirty="0"/>
              <a:pPr/>
              <a:t>‹#›</a:t>
            </a:fld>
            <a:endParaRPr lang="en-US" dirty="0"/>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6"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4" name="Slide Number Placeholder 3"/>
          <p:cNvSpPr>
            <a:spLocks noGrp="1"/>
          </p:cNvSpPr>
          <p:nvPr>
            <p:ph type="sldNum" sz="quarter" idx="12"/>
          </p:nvPr>
        </p:nvSpPr>
        <p:spPr/>
        <p:txBody>
          <a:bodyPr/>
          <a:lstStyle/>
          <a:p>
            <a:fld id="{D57F1E4F-1CFF-5643-939E-217C01CDF565}" type="slidenum">
              <a:rPr lang="en-US" dirty="0"/>
              <a:pPr/>
              <a:t>‹#›</a:t>
            </a:fld>
            <a:endParaRPr lang="en-US"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2" y="446088"/>
            <a:ext cx="3505199" cy="976312"/>
          </a:xfrm>
        </p:spPr>
        <p:txBody>
          <a:bodyPr anchor="b"/>
          <a:lstStyle>
            <a:lvl1pPr algn="l">
              <a:defRPr sz="2000" b="0"/>
            </a:lvl1pPr>
          </a:lstStyle>
          <a:p>
            <a:r>
              <a:rPr lang="en-US"/>
              <a:t>Click to edit Master title style</a:t>
            </a:r>
            <a:endParaRPr lang="en-US" dirty="0"/>
          </a:p>
        </p:txBody>
      </p:sp>
      <p:sp>
        <p:nvSpPr>
          <p:cNvPr id="3" name="Content Placeholder 2"/>
          <p:cNvSpPr>
            <a:spLocks noGrp="1"/>
          </p:cNvSpPr>
          <p:nvPr>
            <p:ph idx="1"/>
          </p:nvPr>
        </p:nvSpPr>
        <p:spPr>
          <a:xfrm>
            <a:off x="6323012" y="446088"/>
            <a:ext cx="5181600" cy="5414963"/>
          </a:xfrm>
        </p:spPr>
        <p:txBody>
          <a:bodyPr anchor="ctr">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2589212" y="1598613"/>
            <a:ext cx="3505199" cy="4262436"/>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71437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p:txBody>
          <a:bodyPr/>
          <a:lstStyle/>
          <a:p>
            <a:fld id="{D57F1E4F-1CFF-5643-939E-217C01CDF565}" type="slidenum">
              <a:rPr lang="en-US" dirty="0"/>
              <a:pPr/>
              <a:t>‹#›</a:t>
            </a:fld>
            <a:endParaRPr lang="en-US" dirty="0"/>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2589213" y="4800600"/>
            <a:ext cx="8915400" cy="566738"/>
          </a:xfrm>
        </p:spPr>
        <p:txBody>
          <a:bodyPr anchor="b">
            <a:normAutofit/>
          </a:bodyPr>
          <a:lstStyle>
            <a:lvl1pPr algn="l">
              <a:defRPr sz="24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2589212" y="634965"/>
            <a:ext cx="8915400" cy="3854970"/>
          </a:xfrm>
        </p:spPr>
        <p:txBody>
          <a:bodyPr anchor="t">
            <a:normAutofit/>
          </a:bodyPr>
          <a:lstStyle>
            <a:lvl1pPr marL="0" indent="0" algn="ctr">
              <a:buNone/>
              <a:defRPr sz="1600"/>
            </a:lvl1pPr>
            <a:lvl2pPr marL="457200" indent="0">
              <a:buNone/>
              <a:defRPr sz="1600"/>
            </a:lvl2pPr>
            <a:lvl3pPr marL="914400" indent="0">
              <a:buNone/>
              <a:defRPr sz="1600"/>
            </a:lvl3pPr>
            <a:lvl4pPr marL="1371600" indent="0">
              <a:buNone/>
              <a:defRPr sz="1600"/>
            </a:lvl4pPr>
            <a:lvl5pPr marL="1828800" indent="0">
              <a:buNone/>
              <a:defRPr sz="1600"/>
            </a:lvl5pPr>
            <a:lvl6pPr marL="2286000" indent="0">
              <a:buNone/>
              <a:defRPr sz="1600"/>
            </a:lvl6pPr>
            <a:lvl7pPr marL="2743200" indent="0">
              <a:buNone/>
              <a:defRPr sz="1600"/>
            </a:lvl7pPr>
            <a:lvl8pPr marL="3200400" indent="0">
              <a:buNone/>
              <a:defRPr sz="1600"/>
            </a:lvl8pPr>
            <a:lvl9pPr marL="3657600" indent="0">
              <a:buNone/>
              <a:defRPr sz="1600"/>
            </a:lvl9pPr>
          </a:lstStyle>
          <a:p>
            <a:r>
              <a:rPr lang="en-US"/>
              <a:t>Click icon to add picture</a:t>
            </a:r>
            <a:endParaRPr lang="en-US" dirty="0"/>
          </a:p>
        </p:txBody>
      </p:sp>
      <p:sp>
        <p:nvSpPr>
          <p:cNvPr id="4" name="Text Placeholder 3"/>
          <p:cNvSpPr>
            <a:spLocks noGrp="1"/>
          </p:cNvSpPr>
          <p:nvPr>
            <p:ph type="body" sz="half" idx="2"/>
          </p:nvPr>
        </p:nvSpPr>
        <p:spPr>
          <a:xfrm>
            <a:off x="2589213" y="5367338"/>
            <a:ext cx="8915400" cy="493712"/>
          </a:xfrm>
        </p:spPr>
        <p:txBody>
          <a:bodyPr>
            <a:normAutofit/>
          </a:bodyPr>
          <a:lstStyle>
            <a:lvl1pPr marL="0" indent="0">
              <a:buNone/>
              <a:defRPr sz="12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B61BEF0D-F0BB-DE4B-95CE-6DB70DBA9567}" type="datetimeFigureOut">
              <a:rPr lang="en-US" dirty="0"/>
              <a:pPr/>
              <a:t>12/14/2017</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9" name="Freeform 11"/>
          <p:cNvSpPr/>
          <p:nvPr/>
        </p:nvSpPr>
        <p:spPr bwMode="auto">
          <a:xfrm flipV="1">
            <a:off x="-4189" y="4911725"/>
            <a:ext cx="1588527" cy="507297"/>
          </a:xfrm>
          <a:custGeom>
            <a:avLst/>
            <a:gdLst/>
            <a:ahLst/>
            <a:cxnLst/>
            <a:rect l="l" t="t" r="r" b="b"/>
            <a:pathLst>
              <a:path w="9248" h="10000">
                <a:moveTo>
                  <a:pt x="9248" y="4701"/>
                </a:moveTo>
                <a:lnTo>
                  <a:pt x="7915" y="188"/>
                </a:lnTo>
                <a:cubicBezTo>
                  <a:pt x="7906" y="156"/>
                  <a:pt x="7895" y="126"/>
                  <a:pt x="7886" y="94"/>
                </a:cubicBezTo>
                <a:cubicBezTo>
                  <a:pt x="7859" y="0"/>
                  <a:pt x="7831" y="0"/>
                  <a:pt x="7803" y="0"/>
                </a:cubicBezTo>
                <a:lnTo>
                  <a:pt x="7275" y="0"/>
                </a:lnTo>
                <a:lnTo>
                  <a:pt x="0" y="70"/>
                </a:lnTo>
                <a:cubicBezTo>
                  <a:pt x="8" y="3380"/>
                  <a:pt x="17" y="6690"/>
                  <a:pt x="25" y="10000"/>
                </a:cubicBezTo>
                <a:lnTo>
                  <a:pt x="7275" y="9966"/>
                </a:lnTo>
                <a:lnTo>
                  <a:pt x="7803" y="9966"/>
                </a:lnTo>
                <a:cubicBezTo>
                  <a:pt x="7831" y="9966"/>
                  <a:pt x="7859" y="9872"/>
                  <a:pt x="7886" y="9872"/>
                </a:cubicBezTo>
                <a:cubicBezTo>
                  <a:pt x="7886" y="9778"/>
                  <a:pt x="7915" y="9778"/>
                  <a:pt x="7915" y="9778"/>
                </a:cubicBezTo>
                <a:lnTo>
                  <a:pt x="9248" y="5265"/>
                </a:lnTo>
                <a:cubicBezTo>
                  <a:pt x="9303" y="5077"/>
                  <a:pt x="9303" y="4889"/>
                  <a:pt x="9248" y="4701"/>
                </a:cubicBezTo>
                <a:close/>
              </a:path>
            </a:pathLst>
          </a:custGeom>
          <a:solidFill>
            <a:schemeClr val="accent1"/>
          </a:solidFill>
          <a:ln>
            <a:noFill/>
          </a:ln>
        </p:spPr>
      </p:sp>
      <p:sp>
        <p:nvSpPr>
          <p:cNvPr id="7" name="Slide Number Placeholder 6"/>
          <p:cNvSpPr>
            <a:spLocks noGrp="1"/>
          </p:cNvSpPr>
          <p:nvPr>
            <p:ph type="sldNum" sz="quarter" idx="12"/>
          </p:nvPr>
        </p:nvSpPr>
        <p:spPr>
          <a:xfrm>
            <a:off x="531812" y="4983087"/>
            <a:ext cx="779767" cy="365125"/>
          </a:xfrm>
        </p:spPr>
        <p:txBody>
          <a:bodyPr/>
          <a:lstStyle/>
          <a:p>
            <a:fld id="{D57F1E4F-1CFF-5643-939E-217C01CDF565}" type="slidenum">
              <a:rPr lang="en-US" dirty="0"/>
              <a:pPr/>
              <a:t>‹#›</a:t>
            </a:fld>
            <a:endParaRPr lang="en-US" dirty="0"/>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3">
        <a:schemeClr val="bg2"/>
      </p:bgRef>
    </p:bg>
    <p:spTree>
      <p:nvGrpSpPr>
        <p:cNvPr id="1" name=""/>
        <p:cNvGrpSpPr/>
        <p:nvPr/>
      </p:nvGrpSpPr>
      <p:grpSpPr>
        <a:xfrm>
          <a:off x="0" y="0"/>
          <a:ext cx="0" cy="0"/>
          <a:chOff x="0" y="0"/>
          <a:chExt cx="0" cy="0"/>
        </a:xfrm>
      </p:grpSpPr>
      <p:grpSp>
        <p:nvGrpSpPr>
          <p:cNvPr id="23" name="Group 22"/>
          <p:cNvGrpSpPr/>
          <p:nvPr/>
        </p:nvGrpSpPr>
        <p:grpSpPr>
          <a:xfrm>
            <a:off x="1" y="228600"/>
            <a:ext cx="2851516" cy="6638628"/>
            <a:chOff x="2487613" y="285750"/>
            <a:chExt cx="2428875" cy="5654676"/>
          </a:xfrm>
        </p:grpSpPr>
        <p:sp>
          <p:nvSpPr>
            <p:cNvPr id="24" name="Freeform 11"/>
            <p:cNvSpPr/>
            <p:nvPr/>
          </p:nvSpPr>
          <p:spPr bwMode="auto">
            <a:xfrm>
              <a:off x="2487613" y="2284413"/>
              <a:ext cx="85725" cy="533400"/>
            </a:xfrm>
            <a:custGeom>
              <a:avLst/>
              <a:gdLst/>
              <a:ahLst/>
              <a:cxnLst/>
              <a:rect l="0" t="0" r="r" b="b"/>
              <a:pathLst>
                <a:path w="22" h="136">
                  <a:moveTo>
                    <a:pt x="22" y="136"/>
                  </a:moveTo>
                  <a:cubicBezTo>
                    <a:pt x="20" y="117"/>
                    <a:pt x="19" y="99"/>
                    <a:pt x="17" y="80"/>
                  </a:cubicBezTo>
                  <a:cubicBezTo>
                    <a:pt x="11" y="54"/>
                    <a:pt x="6" y="27"/>
                    <a:pt x="0" y="0"/>
                  </a:cubicBezTo>
                  <a:cubicBezTo>
                    <a:pt x="0" y="35"/>
                    <a:pt x="0" y="35"/>
                    <a:pt x="0" y="35"/>
                  </a:cubicBezTo>
                  <a:cubicBezTo>
                    <a:pt x="6" y="64"/>
                    <a:pt x="13" y="94"/>
                    <a:pt x="20" y="124"/>
                  </a:cubicBezTo>
                  <a:cubicBezTo>
                    <a:pt x="20" y="128"/>
                    <a:pt x="21" y="132"/>
                    <a:pt x="22" y="136"/>
                  </a:cubicBezTo>
                  <a:close/>
                </a:path>
              </a:pathLst>
            </a:custGeom>
            <a:solidFill>
              <a:schemeClr val="tx2">
                <a:alpha val="20000"/>
              </a:schemeClr>
            </a:solidFill>
            <a:ln>
              <a:noFill/>
            </a:ln>
          </p:spPr>
        </p:sp>
        <p:sp>
          <p:nvSpPr>
            <p:cNvPr id="25" name="Freeform 12"/>
            <p:cNvSpPr/>
            <p:nvPr/>
          </p:nvSpPr>
          <p:spPr bwMode="auto">
            <a:xfrm>
              <a:off x="2597151" y="2779713"/>
              <a:ext cx="550863" cy="1978025"/>
            </a:xfrm>
            <a:custGeom>
              <a:avLst/>
              <a:gdLst/>
              <a:ahLst/>
              <a:cxnLst/>
              <a:rect l="0" t="0" r="r" b="b"/>
              <a:pathLst>
                <a:path w="140" h="504">
                  <a:moveTo>
                    <a:pt x="86" y="350"/>
                  </a:moveTo>
                  <a:cubicBezTo>
                    <a:pt x="103" y="402"/>
                    <a:pt x="120" y="453"/>
                    <a:pt x="139" y="504"/>
                  </a:cubicBezTo>
                  <a:cubicBezTo>
                    <a:pt x="139" y="495"/>
                    <a:pt x="139" y="487"/>
                    <a:pt x="140" y="478"/>
                  </a:cubicBezTo>
                  <a:cubicBezTo>
                    <a:pt x="124" y="435"/>
                    <a:pt x="109" y="391"/>
                    <a:pt x="95" y="347"/>
                  </a:cubicBezTo>
                  <a:cubicBezTo>
                    <a:pt x="58" y="233"/>
                    <a:pt x="27" y="117"/>
                    <a:pt x="0" y="0"/>
                  </a:cubicBezTo>
                  <a:cubicBezTo>
                    <a:pt x="2" y="20"/>
                    <a:pt x="4" y="41"/>
                    <a:pt x="6" y="61"/>
                  </a:cubicBezTo>
                  <a:cubicBezTo>
                    <a:pt x="30" y="158"/>
                    <a:pt x="56" y="255"/>
                    <a:pt x="86" y="350"/>
                  </a:cubicBezTo>
                  <a:close/>
                </a:path>
              </a:pathLst>
            </a:custGeom>
            <a:solidFill>
              <a:schemeClr val="tx2">
                <a:alpha val="20000"/>
              </a:schemeClr>
            </a:solidFill>
            <a:ln>
              <a:noFill/>
            </a:ln>
          </p:spPr>
        </p:sp>
        <p:sp>
          <p:nvSpPr>
            <p:cNvPr id="26" name="Freeform 13"/>
            <p:cNvSpPr/>
            <p:nvPr/>
          </p:nvSpPr>
          <p:spPr bwMode="auto">
            <a:xfrm>
              <a:off x="3175001" y="4730750"/>
              <a:ext cx="519113" cy="1209675"/>
            </a:xfrm>
            <a:custGeom>
              <a:avLst/>
              <a:gdLst/>
              <a:ahLst/>
              <a:cxnLst/>
              <a:rect l="0" t="0" r="r" b="b"/>
              <a:pathLst>
                <a:path w="132" h="308">
                  <a:moveTo>
                    <a:pt x="8" y="22"/>
                  </a:moveTo>
                  <a:cubicBezTo>
                    <a:pt x="5" y="15"/>
                    <a:pt x="2" y="8"/>
                    <a:pt x="0" y="0"/>
                  </a:cubicBezTo>
                  <a:cubicBezTo>
                    <a:pt x="0" y="10"/>
                    <a:pt x="0" y="19"/>
                    <a:pt x="0" y="29"/>
                  </a:cubicBezTo>
                  <a:cubicBezTo>
                    <a:pt x="21" y="85"/>
                    <a:pt x="44" y="140"/>
                    <a:pt x="68" y="194"/>
                  </a:cubicBezTo>
                  <a:cubicBezTo>
                    <a:pt x="85" y="232"/>
                    <a:pt x="104" y="270"/>
                    <a:pt x="123" y="308"/>
                  </a:cubicBezTo>
                  <a:cubicBezTo>
                    <a:pt x="132" y="308"/>
                    <a:pt x="132" y="308"/>
                    <a:pt x="132" y="308"/>
                  </a:cubicBezTo>
                  <a:cubicBezTo>
                    <a:pt x="113" y="269"/>
                    <a:pt x="94" y="230"/>
                    <a:pt x="77" y="190"/>
                  </a:cubicBezTo>
                  <a:cubicBezTo>
                    <a:pt x="52" y="135"/>
                    <a:pt x="29" y="79"/>
                    <a:pt x="8" y="22"/>
                  </a:cubicBezTo>
                  <a:close/>
                </a:path>
              </a:pathLst>
            </a:custGeom>
            <a:solidFill>
              <a:schemeClr val="tx2">
                <a:alpha val="20000"/>
              </a:schemeClr>
            </a:solidFill>
            <a:ln>
              <a:noFill/>
            </a:ln>
          </p:spPr>
        </p:sp>
        <p:sp>
          <p:nvSpPr>
            <p:cNvPr id="27" name="Freeform 14"/>
            <p:cNvSpPr/>
            <p:nvPr/>
          </p:nvSpPr>
          <p:spPr bwMode="auto">
            <a:xfrm>
              <a:off x="3305176" y="5630863"/>
              <a:ext cx="146050" cy="309563"/>
            </a:xfrm>
            <a:custGeom>
              <a:avLst/>
              <a:gdLst/>
              <a:ahLst/>
              <a:cxnLst/>
              <a:rect l="0" t="0" r="r" b="b"/>
              <a:pathLst>
                <a:path w="37" h="79">
                  <a:moveTo>
                    <a:pt x="28" y="79"/>
                  </a:moveTo>
                  <a:cubicBezTo>
                    <a:pt x="37" y="79"/>
                    <a:pt x="37" y="79"/>
                    <a:pt x="37" y="79"/>
                  </a:cubicBezTo>
                  <a:cubicBezTo>
                    <a:pt x="24" y="53"/>
                    <a:pt x="12" y="27"/>
                    <a:pt x="0" y="0"/>
                  </a:cubicBezTo>
                  <a:cubicBezTo>
                    <a:pt x="8" y="27"/>
                    <a:pt x="17" y="53"/>
                    <a:pt x="28" y="79"/>
                  </a:cubicBezTo>
                  <a:close/>
                </a:path>
              </a:pathLst>
            </a:custGeom>
            <a:solidFill>
              <a:schemeClr val="tx2">
                <a:alpha val="20000"/>
              </a:schemeClr>
            </a:solidFill>
            <a:ln>
              <a:noFill/>
            </a:ln>
          </p:spPr>
        </p:sp>
        <p:sp>
          <p:nvSpPr>
            <p:cNvPr id="28" name="Freeform 15"/>
            <p:cNvSpPr/>
            <p:nvPr/>
          </p:nvSpPr>
          <p:spPr bwMode="auto">
            <a:xfrm>
              <a:off x="2573338" y="2817813"/>
              <a:ext cx="700088" cy="2835275"/>
            </a:xfrm>
            <a:custGeom>
              <a:avLst/>
              <a:gdLst/>
              <a:ahLst/>
              <a:cxnLst/>
              <a:rect l="0" t="0" r="r" b="b"/>
              <a:pathLst>
                <a:path w="178" h="722">
                  <a:moveTo>
                    <a:pt x="162" y="660"/>
                  </a:moveTo>
                  <a:cubicBezTo>
                    <a:pt x="145" y="618"/>
                    <a:pt x="130" y="576"/>
                    <a:pt x="116" y="534"/>
                  </a:cubicBezTo>
                  <a:cubicBezTo>
                    <a:pt x="84" y="437"/>
                    <a:pt x="59" y="337"/>
                    <a:pt x="40" y="236"/>
                  </a:cubicBezTo>
                  <a:cubicBezTo>
                    <a:pt x="29" y="175"/>
                    <a:pt x="20" y="113"/>
                    <a:pt x="12" y="51"/>
                  </a:cubicBezTo>
                  <a:cubicBezTo>
                    <a:pt x="8" y="34"/>
                    <a:pt x="4" y="17"/>
                    <a:pt x="0" y="0"/>
                  </a:cubicBezTo>
                  <a:cubicBezTo>
                    <a:pt x="8" y="79"/>
                    <a:pt x="19" y="159"/>
                    <a:pt x="33" y="237"/>
                  </a:cubicBezTo>
                  <a:cubicBezTo>
                    <a:pt x="51" y="339"/>
                    <a:pt x="76" y="439"/>
                    <a:pt x="107" y="537"/>
                  </a:cubicBezTo>
                  <a:cubicBezTo>
                    <a:pt x="123" y="586"/>
                    <a:pt x="141" y="634"/>
                    <a:pt x="160" y="681"/>
                  </a:cubicBezTo>
                  <a:cubicBezTo>
                    <a:pt x="166" y="695"/>
                    <a:pt x="172" y="708"/>
                    <a:pt x="178" y="722"/>
                  </a:cubicBezTo>
                  <a:cubicBezTo>
                    <a:pt x="176" y="717"/>
                    <a:pt x="175" y="713"/>
                    <a:pt x="174" y="708"/>
                  </a:cubicBezTo>
                  <a:cubicBezTo>
                    <a:pt x="169" y="692"/>
                    <a:pt x="165" y="676"/>
                    <a:pt x="162" y="660"/>
                  </a:cubicBezTo>
                  <a:close/>
                </a:path>
              </a:pathLst>
            </a:custGeom>
            <a:solidFill>
              <a:schemeClr val="tx2">
                <a:alpha val="20000"/>
              </a:schemeClr>
            </a:solidFill>
            <a:ln>
              <a:noFill/>
            </a:ln>
          </p:spPr>
        </p:sp>
        <p:sp>
          <p:nvSpPr>
            <p:cNvPr id="29" name="Freeform 16"/>
            <p:cNvSpPr/>
            <p:nvPr/>
          </p:nvSpPr>
          <p:spPr bwMode="auto">
            <a:xfrm>
              <a:off x="2506663" y="285750"/>
              <a:ext cx="90488" cy="2493963"/>
            </a:xfrm>
            <a:custGeom>
              <a:avLst/>
              <a:gdLst/>
              <a:ahLst/>
              <a:cxnLst/>
              <a:rect l="0" t="0" r="r" b="b"/>
              <a:pathLst>
                <a:path w="23" h="635">
                  <a:moveTo>
                    <a:pt x="11" y="577"/>
                  </a:moveTo>
                  <a:cubicBezTo>
                    <a:pt x="12" y="581"/>
                    <a:pt x="12" y="585"/>
                    <a:pt x="12" y="589"/>
                  </a:cubicBezTo>
                  <a:cubicBezTo>
                    <a:pt x="15" y="603"/>
                    <a:pt x="19" y="617"/>
                    <a:pt x="22" y="632"/>
                  </a:cubicBezTo>
                  <a:cubicBezTo>
                    <a:pt x="22" y="633"/>
                    <a:pt x="22" y="634"/>
                    <a:pt x="23" y="635"/>
                  </a:cubicBezTo>
                  <a:cubicBezTo>
                    <a:pt x="21" y="615"/>
                    <a:pt x="19" y="596"/>
                    <a:pt x="17" y="576"/>
                  </a:cubicBezTo>
                  <a:cubicBezTo>
                    <a:pt x="9" y="474"/>
                    <a:pt x="5" y="372"/>
                    <a:pt x="5" y="269"/>
                  </a:cubicBezTo>
                  <a:cubicBezTo>
                    <a:pt x="6" y="179"/>
                    <a:pt x="9" y="90"/>
                    <a:pt x="15" y="0"/>
                  </a:cubicBezTo>
                  <a:cubicBezTo>
                    <a:pt x="12" y="0"/>
                    <a:pt x="12" y="0"/>
                    <a:pt x="12" y="0"/>
                  </a:cubicBezTo>
                  <a:cubicBezTo>
                    <a:pt x="5" y="89"/>
                    <a:pt x="2" y="179"/>
                    <a:pt x="1" y="269"/>
                  </a:cubicBezTo>
                  <a:cubicBezTo>
                    <a:pt x="0" y="372"/>
                    <a:pt x="3" y="474"/>
                    <a:pt x="11" y="577"/>
                  </a:cubicBezTo>
                  <a:close/>
                </a:path>
              </a:pathLst>
            </a:custGeom>
            <a:solidFill>
              <a:schemeClr val="tx2">
                <a:alpha val="20000"/>
              </a:schemeClr>
            </a:solidFill>
            <a:ln>
              <a:noFill/>
            </a:ln>
          </p:spPr>
        </p:sp>
        <p:sp>
          <p:nvSpPr>
            <p:cNvPr id="30" name="Freeform 17"/>
            <p:cNvSpPr/>
            <p:nvPr/>
          </p:nvSpPr>
          <p:spPr bwMode="auto">
            <a:xfrm>
              <a:off x="2554288" y="2598738"/>
              <a:ext cx="66675" cy="420688"/>
            </a:xfrm>
            <a:custGeom>
              <a:avLst/>
              <a:gdLst/>
              <a:ahLst/>
              <a:cxnLst/>
              <a:rect l="0" t="0" r="r" b="b"/>
              <a:pathLst>
                <a:path w="17" h="107">
                  <a:moveTo>
                    <a:pt x="0" y="0"/>
                  </a:moveTo>
                  <a:cubicBezTo>
                    <a:pt x="2" y="19"/>
                    <a:pt x="3" y="37"/>
                    <a:pt x="5" y="56"/>
                  </a:cubicBezTo>
                  <a:cubicBezTo>
                    <a:pt x="9" y="73"/>
                    <a:pt x="13" y="90"/>
                    <a:pt x="17" y="107"/>
                  </a:cubicBezTo>
                  <a:cubicBezTo>
                    <a:pt x="15" y="87"/>
                    <a:pt x="13" y="66"/>
                    <a:pt x="11" y="46"/>
                  </a:cubicBezTo>
                  <a:cubicBezTo>
                    <a:pt x="10" y="45"/>
                    <a:pt x="10" y="44"/>
                    <a:pt x="10" y="43"/>
                  </a:cubicBezTo>
                  <a:cubicBezTo>
                    <a:pt x="7" y="28"/>
                    <a:pt x="3" y="14"/>
                    <a:pt x="0" y="0"/>
                  </a:cubicBezTo>
                  <a:close/>
                </a:path>
              </a:pathLst>
            </a:custGeom>
            <a:solidFill>
              <a:schemeClr val="tx2">
                <a:alpha val="20000"/>
              </a:schemeClr>
            </a:solidFill>
            <a:ln>
              <a:noFill/>
            </a:ln>
          </p:spPr>
        </p:sp>
        <p:sp>
          <p:nvSpPr>
            <p:cNvPr id="31" name="Freeform 18"/>
            <p:cNvSpPr/>
            <p:nvPr/>
          </p:nvSpPr>
          <p:spPr bwMode="auto">
            <a:xfrm>
              <a:off x="3143251" y="4757738"/>
              <a:ext cx="161925" cy="873125"/>
            </a:xfrm>
            <a:custGeom>
              <a:avLst/>
              <a:gdLst/>
              <a:ahLst/>
              <a:cxnLst/>
              <a:rect l="0" t="0" r="r" b="b"/>
              <a:pathLst>
                <a:path w="41" h="222">
                  <a:moveTo>
                    <a:pt x="0" y="0"/>
                  </a:moveTo>
                  <a:cubicBezTo>
                    <a:pt x="0" y="31"/>
                    <a:pt x="2" y="62"/>
                    <a:pt x="5" y="93"/>
                  </a:cubicBezTo>
                  <a:cubicBezTo>
                    <a:pt x="8" y="117"/>
                    <a:pt x="12" y="142"/>
                    <a:pt x="17" y="166"/>
                  </a:cubicBezTo>
                  <a:cubicBezTo>
                    <a:pt x="19" y="172"/>
                    <a:pt x="22" y="178"/>
                    <a:pt x="24" y="184"/>
                  </a:cubicBezTo>
                  <a:cubicBezTo>
                    <a:pt x="30" y="197"/>
                    <a:pt x="35" y="209"/>
                    <a:pt x="41" y="222"/>
                  </a:cubicBezTo>
                  <a:cubicBezTo>
                    <a:pt x="40" y="219"/>
                    <a:pt x="39" y="215"/>
                    <a:pt x="38" y="212"/>
                  </a:cubicBezTo>
                  <a:cubicBezTo>
                    <a:pt x="26" y="172"/>
                    <a:pt x="18" y="132"/>
                    <a:pt x="13" y="92"/>
                  </a:cubicBezTo>
                  <a:cubicBezTo>
                    <a:pt x="11" y="68"/>
                    <a:pt x="9" y="45"/>
                    <a:pt x="8" y="22"/>
                  </a:cubicBezTo>
                  <a:cubicBezTo>
                    <a:pt x="8" y="21"/>
                    <a:pt x="7" y="20"/>
                    <a:pt x="7" y="18"/>
                  </a:cubicBezTo>
                  <a:cubicBezTo>
                    <a:pt x="5" y="12"/>
                    <a:pt x="2" y="6"/>
                    <a:pt x="0" y="0"/>
                  </a:cubicBezTo>
                  <a:close/>
                </a:path>
              </a:pathLst>
            </a:custGeom>
            <a:solidFill>
              <a:schemeClr val="tx2">
                <a:alpha val="20000"/>
              </a:schemeClr>
            </a:solidFill>
            <a:ln>
              <a:noFill/>
            </a:ln>
          </p:spPr>
        </p:sp>
        <p:sp>
          <p:nvSpPr>
            <p:cNvPr id="32" name="Freeform 19"/>
            <p:cNvSpPr/>
            <p:nvPr/>
          </p:nvSpPr>
          <p:spPr bwMode="auto">
            <a:xfrm>
              <a:off x="3148013" y="1282700"/>
              <a:ext cx="1768475" cy="3448050"/>
            </a:xfrm>
            <a:custGeom>
              <a:avLst/>
              <a:gdLst/>
              <a:ahLst/>
              <a:cxnLst/>
              <a:rect l="0" t="0" r="r" b="b"/>
              <a:pathLst>
                <a:path w="450" h="878">
                  <a:moveTo>
                    <a:pt x="7" y="854"/>
                  </a:moveTo>
                  <a:cubicBezTo>
                    <a:pt x="10" y="772"/>
                    <a:pt x="26" y="691"/>
                    <a:pt x="50" y="613"/>
                  </a:cubicBezTo>
                  <a:cubicBezTo>
                    <a:pt x="75" y="535"/>
                    <a:pt x="109" y="460"/>
                    <a:pt x="149" y="388"/>
                  </a:cubicBezTo>
                  <a:cubicBezTo>
                    <a:pt x="189" y="316"/>
                    <a:pt x="235" y="248"/>
                    <a:pt x="285" y="183"/>
                  </a:cubicBezTo>
                  <a:cubicBezTo>
                    <a:pt x="310" y="151"/>
                    <a:pt x="337" y="119"/>
                    <a:pt x="364" y="89"/>
                  </a:cubicBezTo>
                  <a:cubicBezTo>
                    <a:pt x="378" y="74"/>
                    <a:pt x="392" y="58"/>
                    <a:pt x="406" y="44"/>
                  </a:cubicBezTo>
                  <a:cubicBezTo>
                    <a:pt x="421" y="29"/>
                    <a:pt x="435" y="15"/>
                    <a:pt x="450" y="1"/>
                  </a:cubicBezTo>
                  <a:cubicBezTo>
                    <a:pt x="450" y="0"/>
                    <a:pt x="450" y="0"/>
                    <a:pt x="450" y="0"/>
                  </a:cubicBezTo>
                  <a:cubicBezTo>
                    <a:pt x="434" y="14"/>
                    <a:pt x="420" y="28"/>
                    <a:pt x="405" y="43"/>
                  </a:cubicBezTo>
                  <a:cubicBezTo>
                    <a:pt x="391" y="57"/>
                    <a:pt x="377" y="72"/>
                    <a:pt x="363" y="88"/>
                  </a:cubicBezTo>
                  <a:cubicBezTo>
                    <a:pt x="335" y="118"/>
                    <a:pt x="308" y="149"/>
                    <a:pt x="283" y="181"/>
                  </a:cubicBezTo>
                  <a:cubicBezTo>
                    <a:pt x="232" y="246"/>
                    <a:pt x="185" y="314"/>
                    <a:pt x="145" y="386"/>
                  </a:cubicBezTo>
                  <a:cubicBezTo>
                    <a:pt x="104" y="457"/>
                    <a:pt x="70" y="533"/>
                    <a:pt x="45" y="611"/>
                  </a:cubicBezTo>
                  <a:cubicBezTo>
                    <a:pt x="19" y="690"/>
                    <a:pt x="3" y="771"/>
                    <a:pt x="0" y="854"/>
                  </a:cubicBezTo>
                  <a:cubicBezTo>
                    <a:pt x="0" y="856"/>
                    <a:pt x="0" y="857"/>
                    <a:pt x="0" y="859"/>
                  </a:cubicBezTo>
                  <a:cubicBezTo>
                    <a:pt x="2" y="865"/>
                    <a:pt x="4" y="872"/>
                    <a:pt x="7" y="878"/>
                  </a:cubicBezTo>
                  <a:cubicBezTo>
                    <a:pt x="7" y="870"/>
                    <a:pt x="7" y="862"/>
                    <a:pt x="7" y="854"/>
                  </a:cubicBezTo>
                  <a:close/>
                </a:path>
              </a:pathLst>
            </a:custGeom>
            <a:solidFill>
              <a:schemeClr val="tx2">
                <a:alpha val="20000"/>
              </a:schemeClr>
            </a:solidFill>
            <a:ln>
              <a:noFill/>
            </a:ln>
          </p:spPr>
        </p:sp>
        <p:sp>
          <p:nvSpPr>
            <p:cNvPr id="33" name="Freeform 20"/>
            <p:cNvSpPr/>
            <p:nvPr/>
          </p:nvSpPr>
          <p:spPr bwMode="auto">
            <a:xfrm>
              <a:off x="3273426" y="5653088"/>
              <a:ext cx="138113" cy="287338"/>
            </a:xfrm>
            <a:custGeom>
              <a:avLst/>
              <a:gdLst/>
              <a:ahLst/>
              <a:cxnLst/>
              <a:rect l="0" t="0" r="r" b="b"/>
              <a:pathLst>
                <a:path w="35" h="73">
                  <a:moveTo>
                    <a:pt x="0" y="0"/>
                  </a:moveTo>
                  <a:cubicBezTo>
                    <a:pt x="7" y="24"/>
                    <a:pt x="16" y="49"/>
                    <a:pt x="26" y="73"/>
                  </a:cubicBezTo>
                  <a:cubicBezTo>
                    <a:pt x="35" y="73"/>
                    <a:pt x="35" y="73"/>
                    <a:pt x="35" y="73"/>
                  </a:cubicBezTo>
                  <a:cubicBezTo>
                    <a:pt x="23" y="49"/>
                    <a:pt x="11" y="24"/>
                    <a:pt x="0" y="0"/>
                  </a:cubicBezTo>
                  <a:close/>
                </a:path>
              </a:pathLst>
            </a:custGeom>
            <a:solidFill>
              <a:schemeClr val="tx2">
                <a:alpha val="20000"/>
              </a:schemeClr>
            </a:solidFill>
            <a:ln>
              <a:noFill/>
            </a:ln>
          </p:spPr>
        </p:sp>
        <p:sp>
          <p:nvSpPr>
            <p:cNvPr id="34" name="Freeform 21"/>
            <p:cNvSpPr/>
            <p:nvPr/>
          </p:nvSpPr>
          <p:spPr bwMode="auto">
            <a:xfrm>
              <a:off x="3143251" y="4656138"/>
              <a:ext cx="31750" cy="188913"/>
            </a:xfrm>
            <a:custGeom>
              <a:avLst/>
              <a:gdLst/>
              <a:ahLst/>
              <a:cxnLst/>
              <a:rect l="0" t="0" r="r" b="b"/>
              <a:pathLst>
                <a:path w="8" h="48">
                  <a:moveTo>
                    <a:pt x="7" y="44"/>
                  </a:moveTo>
                  <a:cubicBezTo>
                    <a:pt x="7" y="46"/>
                    <a:pt x="8" y="47"/>
                    <a:pt x="8" y="48"/>
                  </a:cubicBezTo>
                  <a:cubicBezTo>
                    <a:pt x="8" y="38"/>
                    <a:pt x="8" y="29"/>
                    <a:pt x="8" y="19"/>
                  </a:cubicBezTo>
                  <a:cubicBezTo>
                    <a:pt x="5" y="13"/>
                    <a:pt x="3" y="6"/>
                    <a:pt x="1" y="0"/>
                  </a:cubicBezTo>
                  <a:cubicBezTo>
                    <a:pt x="0" y="9"/>
                    <a:pt x="0" y="17"/>
                    <a:pt x="0" y="26"/>
                  </a:cubicBezTo>
                  <a:cubicBezTo>
                    <a:pt x="2" y="32"/>
                    <a:pt x="5" y="38"/>
                    <a:pt x="7" y="44"/>
                  </a:cubicBezTo>
                  <a:close/>
                </a:path>
              </a:pathLst>
            </a:custGeom>
            <a:solidFill>
              <a:schemeClr val="tx2">
                <a:alpha val="20000"/>
              </a:schemeClr>
            </a:solidFill>
            <a:ln>
              <a:noFill/>
            </a:ln>
          </p:spPr>
        </p:sp>
        <p:sp>
          <p:nvSpPr>
            <p:cNvPr id="35" name="Freeform 22"/>
            <p:cNvSpPr/>
            <p:nvPr/>
          </p:nvSpPr>
          <p:spPr bwMode="auto">
            <a:xfrm>
              <a:off x="3211513" y="5410200"/>
              <a:ext cx="203200" cy="530225"/>
            </a:xfrm>
            <a:custGeom>
              <a:avLst/>
              <a:gdLst/>
              <a:ahLst/>
              <a:cxnLst/>
              <a:rect l="0" t="0" r="r" b="b"/>
              <a:pathLst>
                <a:path w="52" h="135">
                  <a:moveTo>
                    <a:pt x="7" y="18"/>
                  </a:moveTo>
                  <a:cubicBezTo>
                    <a:pt x="5" y="12"/>
                    <a:pt x="2" y="6"/>
                    <a:pt x="0" y="0"/>
                  </a:cubicBezTo>
                  <a:cubicBezTo>
                    <a:pt x="3" y="16"/>
                    <a:pt x="7" y="32"/>
                    <a:pt x="12" y="48"/>
                  </a:cubicBezTo>
                  <a:cubicBezTo>
                    <a:pt x="13" y="53"/>
                    <a:pt x="14" y="57"/>
                    <a:pt x="16" y="62"/>
                  </a:cubicBezTo>
                  <a:cubicBezTo>
                    <a:pt x="27" y="86"/>
                    <a:pt x="39" y="111"/>
                    <a:pt x="51" y="135"/>
                  </a:cubicBezTo>
                  <a:cubicBezTo>
                    <a:pt x="52" y="135"/>
                    <a:pt x="52" y="135"/>
                    <a:pt x="52" y="135"/>
                  </a:cubicBezTo>
                  <a:cubicBezTo>
                    <a:pt x="41" y="109"/>
                    <a:pt x="32" y="83"/>
                    <a:pt x="24" y="56"/>
                  </a:cubicBezTo>
                  <a:cubicBezTo>
                    <a:pt x="18" y="43"/>
                    <a:pt x="13" y="31"/>
                    <a:pt x="7" y="18"/>
                  </a:cubicBezTo>
                  <a:close/>
                </a:path>
              </a:pathLst>
            </a:custGeom>
            <a:solidFill>
              <a:schemeClr val="tx2">
                <a:alpha val="20000"/>
              </a:schemeClr>
            </a:solidFill>
            <a:ln>
              <a:noFill/>
            </a:ln>
          </p:spPr>
        </p:sp>
      </p:grpSp>
      <p:grpSp>
        <p:nvGrpSpPr>
          <p:cNvPr id="10" name="Group 9"/>
          <p:cNvGrpSpPr/>
          <p:nvPr/>
        </p:nvGrpSpPr>
        <p:grpSpPr>
          <a:xfrm>
            <a:off x="27221" y="-786"/>
            <a:ext cx="2356674" cy="6854039"/>
            <a:chOff x="6627813" y="194833"/>
            <a:chExt cx="1952625" cy="5678918"/>
          </a:xfrm>
        </p:grpSpPr>
        <p:sp>
          <p:nvSpPr>
            <p:cNvPr id="11" name="Freeform 27"/>
            <p:cNvSpPr/>
            <p:nvPr/>
          </p:nvSpPr>
          <p:spPr bwMode="auto">
            <a:xfrm>
              <a:off x="6627813" y="194833"/>
              <a:ext cx="409575" cy="3646488"/>
            </a:xfrm>
            <a:custGeom>
              <a:avLst/>
              <a:gdLst/>
              <a:ahLst/>
              <a:cxnLst/>
              <a:rect l="0" t="0" r="r" b="b"/>
              <a:pathLst>
                <a:path w="103" h="920">
                  <a:moveTo>
                    <a:pt x="7" y="210"/>
                  </a:moveTo>
                  <a:cubicBezTo>
                    <a:pt x="11" y="288"/>
                    <a:pt x="17" y="367"/>
                    <a:pt x="26" y="445"/>
                  </a:cubicBezTo>
                  <a:cubicBezTo>
                    <a:pt x="34" y="523"/>
                    <a:pt x="44" y="601"/>
                    <a:pt x="57" y="679"/>
                  </a:cubicBezTo>
                  <a:cubicBezTo>
                    <a:pt x="69" y="757"/>
                    <a:pt x="84" y="834"/>
                    <a:pt x="101" y="911"/>
                  </a:cubicBezTo>
                  <a:cubicBezTo>
                    <a:pt x="102" y="914"/>
                    <a:pt x="103" y="917"/>
                    <a:pt x="103" y="920"/>
                  </a:cubicBezTo>
                  <a:cubicBezTo>
                    <a:pt x="102" y="905"/>
                    <a:pt x="100" y="889"/>
                    <a:pt x="99" y="874"/>
                  </a:cubicBezTo>
                  <a:cubicBezTo>
                    <a:pt x="99" y="871"/>
                    <a:pt x="99" y="868"/>
                    <a:pt x="99" y="866"/>
                  </a:cubicBezTo>
                  <a:cubicBezTo>
                    <a:pt x="85" y="803"/>
                    <a:pt x="73" y="741"/>
                    <a:pt x="63" y="678"/>
                  </a:cubicBezTo>
                  <a:cubicBezTo>
                    <a:pt x="50" y="600"/>
                    <a:pt x="39" y="523"/>
                    <a:pt x="30" y="444"/>
                  </a:cubicBezTo>
                  <a:cubicBezTo>
                    <a:pt x="21" y="366"/>
                    <a:pt x="14" y="288"/>
                    <a:pt x="9" y="209"/>
                  </a:cubicBezTo>
                  <a:cubicBezTo>
                    <a:pt x="7" y="170"/>
                    <a:pt x="5" y="131"/>
                    <a:pt x="3" y="92"/>
                  </a:cubicBezTo>
                  <a:cubicBezTo>
                    <a:pt x="2" y="61"/>
                    <a:pt x="1" y="31"/>
                    <a:pt x="1" y="0"/>
                  </a:cubicBezTo>
                  <a:cubicBezTo>
                    <a:pt x="0" y="0"/>
                    <a:pt x="0" y="0"/>
                    <a:pt x="0" y="0"/>
                  </a:cubicBezTo>
                  <a:cubicBezTo>
                    <a:pt x="0" y="31"/>
                    <a:pt x="1" y="61"/>
                    <a:pt x="1" y="92"/>
                  </a:cubicBezTo>
                  <a:cubicBezTo>
                    <a:pt x="3" y="131"/>
                    <a:pt x="4" y="170"/>
                    <a:pt x="7" y="210"/>
                  </a:cubicBezTo>
                  <a:close/>
                </a:path>
              </a:pathLst>
            </a:custGeom>
            <a:solidFill>
              <a:schemeClr val="tx2"/>
            </a:solidFill>
            <a:ln>
              <a:noFill/>
            </a:ln>
          </p:spPr>
        </p:sp>
        <p:sp>
          <p:nvSpPr>
            <p:cNvPr id="12" name="Freeform 28"/>
            <p:cNvSpPr/>
            <p:nvPr/>
          </p:nvSpPr>
          <p:spPr bwMode="auto">
            <a:xfrm>
              <a:off x="7061201" y="3771900"/>
              <a:ext cx="350838" cy="1309688"/>
            </a:xfrm>
            <a:custGeom>
              <a:avLst/>
              <a:gdLst/>
              <a:ahLst/>
              <a:cxnLst/>
              <a:rect l="0" t="0" r="r" b="b"/>
              <a:pathLst>
                <a:path w="88" h="330">
                  <a:moveTo>
                    <a:pt x="53" y="229"/>
                  </a:moveTo>
                  <a:cubicBezTo>
                    <a:pt x="64" y="263"/>
                    <a:pt x="75" y="297"/>
                    <a:pt x="88" y="330"/>
                  </a:cubicBezTo>
                  <a:cubicBezTo>
                    <a:pt x="88" y="323"/>
                    <a:pt x="88" y="315"/>
                    <a:pt x="88" y="308"/>
                  </a:cubicBezTo>
                  <a:cubicBezTo>
                    <a:pt x="88" y="307"/>
                    <a:pt x="88" y="305"/>
                    <a:pt x="88" y="304"/>
                  </a:cubicBezTo>
                  <a:cubicBezTo>
                    <a:pt x="79" y="278"/>
                    <a:pt x="70" y="252"/>
                    <a:pt x="62" y="226"/>
                  </a:cubicBezTo>
                  <a:cubicBezTo>
                    <a:pt x="38" y="152"/>
                    <a:pt x="17" y="76"/>
                    <a:pt x="0" y="0"/>
                  </a:cubicBezTo>
                  <a:cubicBezTo>
                    <a:pt x="2" y="21"/>
                    <a:pt x="4" y="42"/>
                    <a:pt x="7" y="63"/>
                  </a:cubicBezTo>
                  <a:cubicBezTo>
                    <a:pt x="21" y="119"/>
                    <a:pt x="36" y="174"/>
                    <a:pt x="53" y="229"/>
                  </a:cubicBezTo>
                  <a:close/>
                </a:path>
              </a:pathLst>
            </a:custGeom>
            <a:solidFill>
              <a:schemeClr val="tx2"/>
            </a:solidFill>
            <a:ln>
              <a:noFill/>
            </a:ln>
          </p:spPr>
        </p:sp>
        <p:sp>
          <p:nvSpPr>
            <p:cNvPr id="13" name="Freeform 29"/>
            <p:cNvSpPr/>
            <p:nvPr/>
          </p:nvSpPr>
          <p:spPr bwMode="auto">
            <a:xfrm>
              <a:off x="7439026" y="5053013"/>
              <a:ext cx="357188" cy="820738"/>
            </a:xfrm>
            <a:custGeom>
              <a:avLst/>
              <a:gdLst/>
              <a:ahLst/>
              <a:cxnLst/>
              <a:rect l="0" t="0" r="r" b="b"/>
              <a:pathLst>
                <a:path w="90" h="207">
                  <a:moveTo>
                    <a:pt x="6" y="15"/>
                  </a:moveTo>
                  <a:cubicBezTo>
                    <a:pt x="4" y="10"/>
                    <a:pt x="2" y="5"/>
                    <a:pt x="0" y="0"/>
                  </a:cubicBezTo>
                  <a:cubicBezTo>
                    <a:pt x="0" y="9"/>
                    <a:pt x="0" y="19"/>
                    <a:pt x="1" y="29"/>
                  </a:cubicBezTo>
                  <a:cubicBezTo>
                    <a:pt x="14" y="62"/>
                    <a:pt x="27" y="95"/>
                    <a:pt x="42" y="127"/>
                  </a:cubicBezTo>
                  <a:cubicBezTo>
                    <a:pt x="54" y="154"/>
                    <a:pt x="67" y="181"/>
                    <a:pt x="80" y="207"/>
                  </a:cubicBezTo>
                  <a:cubicBezTo>
                    <a:pt x="90" y="207"/>
                    <a:pt x="90" y="207"/>
                    <a:pt x="90" y="207"/>
                  </a:cubicBezTo>
                  <a:cubicBezTo>
                    <a:pt x="76" y="180"/>
                    <a:pt x="63" y="152"/>
                    <a:pt x="50" y="123"/>
                  </a:cubicBezTo>
                  <a:cubicBezTo>
                    <a:pt x="34" y="88"/>
                    <a:pt x="20" y="51"/>
                    <a:pt x="6" y="15"/>
                  </a:cubicBezTo>
                  <a:close/>
                </a:path>
              </a:pathLst>
            </a:custGeom>
            <a:solidFill>
              <a:schemeClr val="tx2"/>
            </a:solidFill>
            <a:ln>
              <a:noFill/>
            </a:ln>
          </p:spPr>
        </p:sp>
        <p:sp>
          <p:nvSpPr>
            <p:cNvPr id="14" name="Freeform 30"/>
            <p:cNvSpPr/>
            <p:nvPr/>
          </p:nvSpPr>
          <p:spPr bwMode="auto">
            <a:xfrm>
              <a:off x="7037388" y="3811588"/>
              <a:ext cx="457200" cy="1852613"/>
            </a:xfrm>
            <a:custGeom>
              <a:avLst/>
              <a:gdLst/>
              <a:ahLst/>
              <a:cxnLst/>
              <a:rect l="0" t="0" r="r" b="b"/>
              <a:pathLst>
                <a:path w="115" h="467">
                  <a:moveTo>
                    <a:pt x="101" y="409"/>
                  </a:moveTo>
                  <a:cubicBezTo>
                    <a:pt x="93" y="388"/>
                    <a:pt x="85" y="366"/>
                    <a:pt x="78" y="344"/>
                  </a:cubicBezTo>
                  <a:cubicBezTo>
                    <a:pt x="57" y="281"/>
                    <a:pt x="41" y="216"/>
                    <a:pt x="29" y="151"/>
                  </a:cubicBezTo>
                  <a:cubicBezTo>
                    <a:pt x="22" y="119"/>
                    <a:pt x="17" y="86"/>
                    <a:pt x="13" y="53"/>
                  </a:cubicBezTo>
                  <a:cubicBezTo>
                    <a:pt x="9" y="35"/>
                    <a:pt x="4" y="18"/>
                    <a:pt x="0" y="0"/>
                  </a:cubicBezTo>
                  <a:cubicBezTo>
                    <a:pt x="5" y="51"/>
                    <a:pt x="12" y="102"/>
                    <a:pt x="21" y="152"/>
                  </a:cubicBezTo>
                  <a:cubicBezTo>
                    <a:pt x="33" y="218"/>
                    <a:pt x="49" y="283"/>
                    <a:pt x="69" y="347"/>
                  </a:cubicBezTo>
                  <a:cubicBezTo>
                    <a:pt x="79" y="378"/>
                    <a:pt x="90" y="410"/>
                    <a:pt x="103" y="441"/>
                  </a:cubicBezTo>
                  <a:cubicBezTo>
                    <a:pt x="107" y="449"/>
                    <a:pt x="111" y="458"/>
                    <a:pt x="115" y="467"/>
                  </a:cubicBezTo>
                  <a:cubicBezTo>
                    <a:pt x="114" y="464"/>
                    <a:pt x="113" y="461"/>
                    <a:pt x="112" y="458"/>
                  </a:cubicBezTo>
                  <a:cubicBezTo>
                    <a:pt x="108" y="442"/>
                    <a:pt x="104" y="425"/>
                    <a:pt x="101" y="409"/>
                  </a:cubicBezTo>
                  <a:close/>
                </a:path>
              </a:pathLst>
            </a:custGeom>
            <a:solidFill>
              <a:schemeClr val="tx2"/>
            </a:solidFill>
            <a:ln>
              <a:noFill/>
            </a:ln>
          </p:spPr>
        </p:sp>
        <p:sp>
          <p:nvSpPr>
            <p:cNvPr id="15" name="Freeform 31"/>
            <p:cNvSpPr/>
            <p:nvPr/>
          </p:nvSpPr>
          <p:spPr bwMode="auto">
            <a:xfrm>
              <a:off x="6992938" y="1263650"/>
              <a:ext cx="144463" cy="2508250"/>
            </a:xfrm>
            <a:custGeom>
              <a:avLst/>
              <a:gdLst/>
              <a:ahLst/>
              <a:cxnLst/>
              <a:rect l="0" t="0" r="r" b="b"/>
              <a:pathLst>
                <a:path w="36" h="633">
                  <a:moveTo>
                    <a:pt x="17" y="633"/>
                  </a:moveTo>
                  <a:cubicBezTo>
                    <a:pt x="15" y="621"/>
                    <a:pt x="14" y="609"/>
                    <a:pt x="13" y="597"/>
                  </a:cubicBezTo>
                  <a:cubicBezTo>
                    <a:pt x="8" y="530"/>
                    <a:pt x="5" y="464"/>
                    <a:pt x="5" y="398"/>
                  </a:cubicBezTo>
                  <a:cubicBezTo>
                    <a:pt x="5" y="331"/>
                    <a:pt x="8" y="265"/>
                    <a:pt x="13" y="198"/>
                  </a:cubicBezTo>
                  <a:cubicBezTo>
                    <a:pt x="15" y="165"/>
                    <a:pt x="18" y="132"/>
                    <a:pt x="22" y="99"/>
                  </a:cubicBezTo>
                  <a:cubicBezTo>
                    <a:pt x="26" y="66"/>
                    <a:pt x="30" y="33"/>
                    <a:pt x="36" y="0"/>
                  </a:cubicBezTo>
                  <a:cubicBezTo>
                    <a:pt x="35" y="0"/>
                    <a:pt x="35" y="0"/>
                    <a:pt x="35" y="0"/>
                  </a:cubicBezTo>
                  <a:cubicBezTo>
                    <a:pt x="29" y="33"/>
                    <a:pt x="24" y="66"/>
                    <a:pt x="20" y="99"/>
                  </a:cubicBezTo>
                  <a:cubicBezTo>
                    <a:pt x="16" y="132"/>
                    <a:pt x="13" y="165"/>
                    <a:pt x="10" y="198"/>
                  </a:cubicBezTo>
                  <a:cubicBezTo>
                    <a:pt x="4" y="264"/>
                    <a:pt x="1" y="331"/>
                    <a:pt x="1" y="398"/>
                  </a:cubicBezTo>
                  <a:cubicBezTo>
                    <a:pt x="0" y="461"/>
                    <a:pt x="2" y="525"/>
                    <a:pt x="7" y="589"/>
                  </a:cubicBezTo>
                  <a:cubicBezTo>
                    <a:pt x="10" y="603"/>
                    <a:pt x="13" y="618"/>
                    <a:pt x="16" y="632"/>
                  </a:cubicBezTo>
                  <a:cubicBezTo>
                    <a:pt x="16" y="632"/>
                    <a:pt x="17" y="633"/>
                    <a:pt x="17" y="633"/>
                  </a:cubicBezTo>
                  <a:close/>
                </a:path>
              </a:pathLst>
            </a:custGeom>
            <a:solidFill>
              <a:schemeClr val="tx2"/>
            </a:solidFill>
            <a:ln>
              <a:noFill/>
            </a:ln>
          </p:spPr>
        </p:sp>
        <p:sp>
          <p:nvSpPr>
            <p:cNvPr id="16" name="Freeform 32"/>
            <p:cNvSpPr/>
            <p:nvPr/>
          </p:nvSpPr>
          <p:spPr bwMode="auto">
            <a:xfrm>
              <a:off x="7526338" y="5640388"/>
              <a:ext cx="111125" cy="233363"/>
            </a:xfrm>
            <a:custGeom>
              <a:avLst/>
              <a:gdLst/>
              <a:ahLst/>
              <a:cxnLst/>
              <a:rect l="0" t="0" r="r" b="b"/>
              <a:pathLst>
                <a:path w="28" h="59">
                  <a:moveTo>
                    <a:pt x="22" y="59"/>
                  </a:moveTo>
                  <a:cubicBezTo>
                    <a:pt x="28" y="59"/>
                    <a:pt x="28" y="59"/>
                    <a:pt x="28" y="59"/>
                  </a:cubicBezTo>
                  <a:cubicBezTo>
                    <a:pt x="18" y="40"/>
                    <a:pt x="9" y="20"/>
                    <a:pt x="0" y="0"/>
                  </a:cubicBezTo>
                  <a:cubicBezTo>
                    <a:pt x="6" y="20"/>
                    <a:pt x="13" y="40"/>
                    <a:pt x="22" y="59"/>
                  </a:cubicBezTo>
                  <a:close/>
                </a:path>
              </a:pathLst>
            </a:custGeom>
            <a:solidFill>
              <a:schemeClr val="tx2"/>
            </a:solidFill>
            <a:ln>
              <a:noFill/>
            </a:ln>
          </p:spPr>
        </p:sp>
        <p:sp>
          <p:nvSpPr>
            <p:cNvPr id="17" name="Freeform 33"/>
            <p:cNvSpPr/>
            <p:nvPr/>
          </p:nvSpPr>
          <p:spPr bwMode="auto">
            <a:xfrm>
              <a:off x="7021513" y="3598863"/>
              <a:ext cx="68263" cy="423863"/>
            </a:xfrm>
            <a:custGeom>
              <a:avLst/>
              <a:gdLst/>
              <a:ahLst/>
              <a:cxnLst/>
              <a:rect l="0" t="0" r="r" b="b"/>
              <a:pathLst>
                <a:path w="17" h="107">
                  <a:moveTo>
                    <a:pt x="4" y="54"/>
                  </a:moveTo>
                  <a:cubicBezTo>
                    <a:pt x="8" y="72"/>
                    <a:pt x="13" y="89"/>
                    <a:pt x="17" y="107"/>
                  </a:cubicBezTo>
                  <a:cubicBezTo>
                    <a:pt x="14" y="86"/>
                    <a:pt x="12" y="65"/>
                    <a:pt x="10" y="44"/>
                  </a:cubicBezTo>
                  <a:cubicBezTo>
                    <a:pt x="10" y="44"/>
                    <a:pt x="9" y="43"/>
                    <a:pt x="9" y="43"/>
                  </a:cubicBezTo>
                  <a:cubicBezTo>
                    <a:pt x="6" y="29"/>
                    <a:pt x="3" y="14"/>
                    <a:pt x="0" y="0"/>
                  </a:cubicBezTo>
                  <a:cubicBezTo>
                    <a:pt x="0" y="2"/>
                    <a:pt x="0" y="5"/>
                    <a:pt x="0" y="8"/>
                  </a:cubicBezTo>
                  <a:cubicBezTo>
                    <a:pt x="1" y="23"/>
                    <a:pt x="3" y="39"/>
                    <a:pt x="4" y="54"/>
                  </a:cubicBezTo>
                  <a:close/>
                </a:path>
              </a:pathLst>
            </a:custGeom>
            <a:solidFill>
              <a:schemeClr val="tx2"/>
            </a:solidFill>
            <a:ln>
              <a:noFill/>
            </a:ln>
          </p:spPr>
        </p:sp>
        <p:sp>
          <p:nvSpPr>
            <p:cNvPr id="18" name="Freeform 34"/>
            <p:cNvSpPr/>
            <p:nvPr/>
          </p:nvSpPr>
          <p:spPr bwMode="auto">
            <a:xfrm>
              <a:off x="7412038" y="2801938"/>
              <a:ext cx="1168400" cy="2251075"/>
            </a:xfrm>
            <a:custGeom>
              <a:avLst/>
              <a:gdLst/>
              <a:ahLst/>
              <a:cxnLst/>
              <a:rect l="0" t="0" r="r" b="b"/>
              <a:pathLst>
                <a:path w="294" h="568">
                  <a:moveTo>
                    <a:pt x="8" y="553"/>
                  </a:moveTo>
                  <a:cubicBezTo>
                    <a:pt x="9" y="501"/>
                    <a:pt x="19" y="448"/>
                    <a:pt x="35" y="397"/>
                  </a:cubicBezTo>
                  <a:cubicBezTo>
                    <a:pt x="51" y="347"/>
                    <a:pt x="73" y="298"/>
                    <a:pt x="99" y="252"/>
                  </a:cubicBezTo>
                  <a:cubicBezTo>
                    <a:pt x="124" y="205"/>
                    <a:pt x="154" y="161"/>
                    <a:pt x="187" y="119"/>
                  </a:cubicBezTo>
                  <a:cubicBezTo>
                    <a:pt x="203" y="98"/>
                    <a:pt x="220" y="77"/>
                    <a:pt x="238" y="58"/>
                  </a:cubicBezTo>
                  <a:cubicBezTo>
                    <a:pt x="247" y="48"/>
                    <a:pt x="256" y="38"/>
                    <a:pt x="265" y="28"/>
                  </a:cubicBezTo>
                  <a:cubicBezTo>
                    <a:pt x="274" y="19"/>
                    <a:pt x="284" y="9"/>
                    <a:pt x="294" y="0"/>
                  </a:cubicBezTo>
                  <a:cubicBezTo>
                    <a:pt x="293" y="0"/>
                    <a:pt x="293" y="0"/>
                    <a:pt x="293" y="0"/>
                  </a:cubicBezTo>
                  <a:cubicBezTo>
                    <a:pt x="283" y="9"/>
                    <a:pt x="273" y="18"/>
                    <a:pt x="264" y="27"/>
                  </a:cubicBezTo>
                  <a:cubicBezTo>
                    <a:pt x="255" y="37"/>
                    <a:pt x="246" y="47"/>
                    <a:pt x="237" y="56"/>
                  </a:cubicBezTo>
                  <a:cubicBezTo>
                    <a:pt x="218" y="76"/>
                    <a:pt x="201" y="96"/>
                    <a:pt x="185" y="117"/>
                  </a:cubicBezTo>
                  <a:cubicBezTo>
                    <a:pt x="151" y="159"/>
                    <a:pt x="121" y="203"/>
                    <a:pt x="95" y="249"/>
                  </a:cubicBezTo>
                  <a:cubicBezTo>
                    <a:pt x="68" y="296"/>
                    <a:pt x="46" y="345"/>
                    <a:pt x="30" y="396"/>
                  </a:cubicBezTo>
                  <a:cubicBezTo>
                    <a:pt x="13" y="445"/>
                    <a:pt x="3" y="497"/>
                    <a:pt x="0" y="549"/>
                  </a:cubicBezTo>
                  <a:cubicBezTo>
                    <a:pt x="3" y="555"/>
                    <a:pt x="5" y="561"/>
                    <a:pt x="7" y="568"/>
                  </a:cubicBezTo>
                  <a:cubicBezTo>
                    <a:pt x="7" y="563"/>
                    <a:pt x="7" y="558"/>
                    <a:pt x="8" y="553"/>
                  </a:cubicBezTo>
                  <a:close/>
                </a:path>
              </a:pathLst>
            </a:custGeom>
            <a:solidFill>
              <a:schemeClr val="tx2"/>
            </a:solidFill>
            <a:ln>
              <a:noFill/>
            </a:ln>
          </p:spPr>
        </p:sp>
        <p:sp>
          <p:nvSpPr>
            <p:cNvPr id="19" name="Freeform 35"/>
            <p:cNvSpPr/>
            <p:nvPr/>
          </p:nvSpPr>
          <p:spPr bwMode="auto">
            <a:xfrm>
              <a:off x="7494588" y="5664200"/>
              <a:ext cx="100013" cy="209550"/>
            </a:xfrm>
            <a:custGeom>
              <a:avLst/>
              <a:gdLst/>
              <a:ahLst/>
              <a:cxnLst/>
              <a:rect l="0" t="0" r="r" b="b"/>
              <a:pathLst>
                <a:path w="25" h="53">
                  <a:moveTo>
                    <a:pt x="0" y="0"/>
                  </a:moveTo>
                  <a:cubicBezTo>
                    <a:pt x="5" y="18"/>
                    <a:pt x="12" y="36"/>
                    <a:pt x="19" y="53"/>
                  </a:cubicBezTo>
                  <a:cubicBezTo>
                    <a:pt x="25" y="53"/>
                    <a:pt x="25" y="53"/>
                    <a:pt x="25" y="53"/>
                  </a:cubicBezTo>
                  <a:cubicBezTo>
                    <a:pt x="16" y="36"/>
                    <a:pt x="8" y="18"/>
                    <a:pt x="0" y="0"/>
                  </a:cubicBezTo>
                  <a:close/>
                </a:path>
              </a:pathLst>
            </a:custGeom>
            <a:solidFill>
              <a:schemeClr val="tx2"/>
            </a:solidFill>
            <a:ln>
              <a:noFill/>
            </a:ln>
          </p:spPr>
        </p:sp>
        <p:sp>
          <p:nvSpPr>
            <p:cNvPr id="20" name="Freeform 36"/>
            <p:cNvSpPr/>
            <p:nvPr/>
          </p:nvSpPr>
          <p:spPr bwMode="auto">
            <a:xfrm>
              <a:off x="7412038" y="5081588"/>
              <a:ext cx="114300" cy="558800"/>
            </a:xfrm>
            <a:custGeom>
              <a:avLst/>
              <a:gdLst/>
              <a:ahLst/>
              <a:cxnLst/>
              <a:rect l="0" t="0" r="r" b="b"/>
              <a:pathLst>
                <a:path w="29" h="141">
                  <a:moveTo>
                    <a:pt x="0" y="0"/>
                  </a:moveTo>
                  <a:cubicBezTo>
                    <a:pt x="0" y="30"/>
                    <a:pt x="2" y="60"/>
                    <a:pt x="7" y="89"/>
                  </a:cubicBezTo>
                  <a:cubicBezTo>
                    <a:pt x="11" y="98"/>
                    <a:pt x="14" y="108"/>
                    <a:pt x="18" y="117"/>
                  </a:cubicBezTo>
                  <a:cubicBezTo>
                    <a:pt x="22" y="125"/>
                    <a:pt x="25" y="133"/>
                    <a:pt x="29" y="141"/>
                  </a:cubicBezTo>
                  <a:cubicBezTo>
                    <a:pt x="28" y="139"/>
                    <a:pt x="28" y="137"/>
                    <a:pt x="27" y="135"/>
                  </a:cubicBezTo>
                  <a:cubicBezTo>
                    <a:pt x="16" y="98"/>
                    <a:pt x="10" y="60"/>
                    <a:pt x="8" y="22"/>
                  </a:cubicBezTo>
                  <a:cubicBezTo>
                    <a:pt x="7" y="18"/>
                    <a:pt x="5" y="15"/>
                    <a:pt x="4" y="11"/>
                  </a:cubicBezTo>
                  <a:cubicBezTo>
                    <a:pt x="2" y="7"/>
                    <a:pt x="1" y="3"/>
                    <a:pt x="0" y="0"/>
                  </a:cubicBezTo>
                  <a:close/>
                </a:path>
              </a:pathLst>
            </a:custGeom>
            <a:solidFill>
              <a:schemeClr val="tx2"/>
            </a:solidFill>
            <a:ln>
              <a:noFill/>
            </a:ln>
          </p:spPr>
        </p:sp>
        <p:sp>
          <p:nvSpPr>
            <p:cNvPr id="21" name="Freeform 37"/>
            <p:cNvSpPr/>
            <p:nvPr/>
          </p:nvSpPr>
          <p:spPr bwMode="auto">
            <a:xfrm>
              <a:off x="7412038" y="4978400"/>
              <a:ext cx="31750" cy="188913"/>
            </a:xfrm>
            <a:custGeom>
              <a:avLst/>
              <a:gdLst/>
              <a:ahLst/>
              <a:cxnLst/>
              <a:rect l="0" t="0" r="r" b="b"/>
              <a:pathLst>
                <a:path w="8" h="48">
                  <a:moveTo>
                    <a:pt x="0" y="26"/>
                  </a:moveTo>
                  <a:cubicBezTo>
                    <a:pt x="1" y="29"/>
                    <a:pt x="2" y="33"/>
                    <a:pt x="4" y="37"/>
                  </a:cubicBezTo>
                  <a:cubicBezTo>
                    <a:pt x="5" y="41"/>
                    <a:pt x="7" y="44"/>
                    <a:pt x="8" y="48"/>
                  </a:cubicBezTo>
                  <a:cubicBezTo>
                    <a:pt x="7" y="38"/>
                    <a:pt x="7" y="28"/>
                    <a:pt x="7" y="19"/>
                  </a:cubicBezTo>
                  <a:cubicBezTo>
                    <a:pt x="5" y="12"/>
                    <a:pt x="3" y="6"/>
                    <a:pt x="0" y="0"/>
                  </a:cubicBezTo>
                  <a:cubicBezTo>
                    <a:pt x="0" y="1"/>
                    <a:pt x="0" y="3"/>
                    <a:pt x="0" y="4"/>
                  </a:cubicBezTo>
                  <a:cubicBezTo>
                    <a:pt x="0" y="11"/>
                    <a:pt x="0" y="19"/>
                    <a:pt x="0" y="26"/>
                  </a:cubicBezTo>
                  <a:close/>
                </a:path>
              </a:pathLst>
            </a:custGeom>
            <a:solidFill>
              <a:schemeClr val="tx2"/>
            </a:solidFill>
            <a:ln>
              <a:noFill/>
            </a:ln>
          </p:spPr>
        </p:sp>
        <p:sp>
          <p:nvSpPr>
            <p:cNvPr id="22" name="Freeform 38"/>
            <p:cNvSpPr/>
            <p:nvPr/>
          </p:nvSpPr>
          <p:spPr bwMode="auto">
            <a:xfrm>
              <a:off x="7439026" y="5434013"/>
              <a:ext cx="174625" cy="439738"/>
            </a:xfrm>
            <a:custGeom>
              <a:avLst/>
              <a:gdLst/>
              <a:ahLst/>
              <a:cxnLst/>
              <a:rect l="0" t="0" r="r" b="b"/>
              <a:pathLst>
                <a:path w="44" h="111">
                  <a:moveTo>
                    <a:pt x="11" y="28"/>
                  </a:moveTo>
                  <a:cubicBezTo>
                    <a:pt x="7" y="19"/>
                    <a:pt x="4" y="9"/>
                    <a:pt x="0" y="0"/>
                  </a:cubicBezTo>
                  <a:cubicBezTo>
                    <a:pt x="3" y="16"/>
                    <a:pt x="7" y="33"/>
                    <a:pt x="11" y="49"/>
                  </a:cubicBezTo>
                  <a:cubicBezTo>
                    <a:pt x="12" y="52"/>
                    <a:pt x="13" y="55"/>
                    <a:pt x="14" y="58"/>
                  </a:cubicBezTo>
                  <a:cubicBezTo>
                    <a:pt x="22" y="76"/>
                    <a:pt x="30" y="94"/>
                    <a:pt x="39" y="111"/>
                  </a:cubicBezTo>
                  <a:cubicBezTo>
                    <a:pt x="44" y="111"/>
                    <a:pt x="44" y="111"/>
                    <a:pt x="44" y="111"/>
                  </a:cubicBezTo>
                  <a:cubicBezTo>
                    <a:pt x="35" y="92"/>
                    <a:pt x="28" y="72"/>
                    <a:pt x="22" y="52"/>
                  </a:cubicBezTo>
                  <a:cubicBezTo>
                    <a:pt x="18" y="44"/>
                    <a:pt x="15" y="36"/>
                    <a:pt x="11" y="28"/>
                  </a:cubicBezTo>
                  <a:close/>
                </a:path>
              </a:pathLst>
            </a:custGeom>
            <a:solidFill>
              <a:schemeClr val="tx2"/>
            </a:solidFill>
            <a:ln>
              <a:noFill/>
            </a:ln>
          </p:spPr>
        </p:sp>
      </p:grpSp>
      <p:sp>
        <p:nvSpPr>
          <p:cNvPr id="7" name="Rectangle 6"/>
          <p:cNvSpPr/>
          <p:nvPr/>
        </p:nvSpPr>
        <p:spPr>
          <a:xfrm>
            <a:off x="0" y="0"/>
            <a:ext cx="18288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sp>
      <p:sp>
        <p:nvSpPr>
          <p:cNvPr id="2" name="Title Placeholder 1"/>
          <p:cNvSpPr>
            <a:spLocks noGrp="1"/>
          </p:cNvSpPr>
          <p:nvPr>
            <p:ph type="title"/>
          </p:nvPr>
        </p:nvSpPr>
        <p:spPr>
          <a:xfrm>
            <a:off x="2592924" y="624110"/>
            <a:ext cx="8911687" cy="1280890"/>
          </a:xfrm>
          <a:prstGeom prst="rect">
            <a:avLst/>
          </a:prstGeom>
        </p:spPr>
        <p:txBody>
          <a:bodyPr vert="horz" lIns="91440" tIns="45720" rIns="91440" bIns="45720" rtlCol="0" anchor="t">
            <a:normAutofit/>
          </a:bodyPr>
          <a:lstStyle/>
          <a:p>
            <a:r>
              <a:rPr lang="en-US"/>
              <a:t>Click to edit Master title style</a:t>
            </a:r>
            <a:endParaRPr lang="en-US" dirty="0"/>
          </a:p>
        </p:txBody>
      </p:sp>
      <p:sp>
        <p:nvSpPr>
          <p:cNvPr id="3" name="Text Placeholder 2"/>
          <p:cNvSpPr>
            <a:spLocks noGrp="1"/>
          </p:cNvSpPr>
          <p:nvPr>
            <p:ph type="body" idx="1"/>
          </p:nvPr>
        </p:nvSpPr>
        <p:spPr>
          <a:xfrm>
            <a:off x="2589212" y="2133600"/>
            <a:ext cx="8915400" cy="3886200"/>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0361612" y="6130437"/>
            <a:ext cx="1146283" cy="370396"/>
          </a:xfrm>
          <a:prstGeom prst="rect">
            <a:avLst/>
          </a:prstGeom>
        </p:spPr>
        <p:txBody>
          <a:bodyPr vert="horz" lIns="91440" tIns="45720" rIns="91440" bIns="45720" rtlCol="0" anchor="ctr"/>
          <a:lstStyle>
            <a:lvl1pPr algn="r">
              <a:defRPr sz="900">
                <a:solidFill>
                  <a:schemeClr val="tx1">
                    <a:tint val="75000"/>
                  </a:schemeClr>
                </a:solidFill>
              </a:defRPr>
            </a:lvl1pPr>
          </a:lstStyle>
          <a:p>
            <a:fld id="{B61BEF0D-F0BB-DE4B-95CE-6DB70DBA9567}" type="datetimeFigureOut">
              <a:rPr lang="en-US" dirty="0"/>
              <a:pPr/>
              <a:t>12/14/2017</a:t>
            </a:fld>
            <a:endParaRPr lang="en-US" dirty="0"/>
          </a:p>
        </p:txBody>
      </p:sp>
      <p:sp>
        <p:nvSpPr>
          <p:cNvPr id="5" name="Footer Placeholder 4"/>
          <p:cNvSpPr>
            <a:spLocks noGrp="1"/>
          </p:cNvSpPr>
          <p:nvPr>
            <p:ph type="ftr" sz="quarter" idx="3"/>
          </p:nvPr>
        </p:nvSpPr>
        <p:spPr>
          <a:xfrm>
            <a:off x="2589212" y="6135808"/>
            <a:ext cx="7619999" cy="365125"/>
          </a:xfrm>
          <a:prstGeom prst="rect">
            <a:avLst/>
          </a:prstGeom>
        </p:spPr>
        <p:txBody>
          <a:bodyPr vert="horz" lIns="91440" tIns="45720" rIns="91440" bIns="45720" rtlCol="0" anchor="ctr"/>
          <a:lstStyle>
            <a:lvl1pPr algn="l">
              <a:defRPr sz="9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bwMode="gray">
          <a:xfrm>
            <a:off x="531812" y="787782"/>
            <a:ext cx="779767" cy="365125"/>
          </a:xfrm>
          <a:prstGeom prst="rect">
            <a:avLst/>
          </a:prstGeom>
        </p:spPr>
        <p:txBody>
          <a:bodyPr vert="horz" lIns="91440" tIns="45720" rIns="91440" bIns="45720" rtlCol="0" anchor="ctr"/>
          <a:lstStyle>
            <a:lvl1pPr algn="r">
              <a:defRPr sz="2000">
                <a:solidFill>
                  <a:srgbClr val="FEFFFF"/>
                </a:solidFill>
              </a:defRPr>
            </a:lvl1pPr>
          </a:lstStyle>
          <a:p>
            <a:fld id="{D57F1E4F-1CFF-5643-939E-217C01CDF565}" type="slidenum">
              <a:rPr lang="en-US" dirty="0"/>
              <a:pPr/>
              <a:t>‹#›</a:t>
            </a:fld>
            <a:endParaRPr lang="en-US" dirty="0"/>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60" r:id="rId10"/>
    <p:sldLayoutId id="2147483661" r:id="rId11"/>
    <p:sldLayoutId id="2147483662" r:id="rId12"/>
    <p:sldLayoutId id="2147483663" r:id="rId13"/>
    <p:sldLayoutId id="2147483664" r:id="rId14"/>
    <p:sldLayoutId id="2147483658" r:id="rId15"/>
    <p:sldLayoutId id="2147483659" r:id="rId16"/>
    <p:sldLayoutId id="2147483665" r:id="rId17"/>
    <p:sldLayoutId id="2147483666" r:id="rId18"/>
  </p:sldLayoutIdLst>
  <p:txStyles>
    <p:titleStyle>
      <a:lvl1pPr algn="l" defTabSz="457200" rtl="0" eaLnBrk="1" latinLnBrk="0" hangingPunct="1">
        <a:spcBef>
          <a:spcPct val="0"/>
        </a:spcBef>
        <a:buNone/>
        <a:defRPr sz="3600" kern="1200">
          <a:solidFill>
            <a:schemeClr val="tx1">
              <a:lumMod val="85000"/>
              <a:lumOff val="15000"/>
            </a:schemeClr>
          </a:solidFill>
          <a:latin typeface="+mj-lt"/>
          <a:ea typeface="+mj-ea"/>
          <a:cs typeface="+mj-cs"/>
        </a:defRPr>
      </a:lvl1pPr>
      <a:lvl2pPr eaLnBrk="1" hangingPunct="1">
        <a:defRPr>
          <a:solidFill>
            <a:schemeClr val="tx2"/>
          </a:solidFill>
        </a:defRPr>
      </a:lvl2pPr>
      <a:lvl3pPr eaLnBrk="1" hangingPunct="1">
        <a:defRPr>
          <a:solidFill>
            <a:schemeClr val="tx2"/>
          </a:solidFill>
        </a:defRPr>
      </a:lvl3pPr>
      <a:lvl4pPr eaLnBrk="1" hangingPunct="1">
        <a:defRPr>
          <a:solidFill>
            <a:schemeClr val="tx2"/>
          </a:solidFill>
        </a:defRPr>
      </a:lvl4pPr>
      <a:lvl5pPr eaLnBrk="1" hangingPunct="1">
        <a:defRPr>
          <a:solidFill>
            <a:schemeClr val="tx2"/>
          </a:solidFill>
        </a:defRPr>
      </a:lvl5pPr>
      <a:lvl6pPr eaLnBrk="1" hangingPunct="1">
        <a:defRPr>
          <a:solidFill>
            <a:schemeClr val="tx2"/>
          </a:solidFill>
        </a:defRPr>
      </a:lvl6pPr>
      <a:lvl7pPr eaLnBrk="1" hangingPunct="1">
        <a:defRPr>
          <a:solidFill>
            <a:schemeClr val="tx2"/>
          </a:solidFill>
        </a:defRPr>
      </a:lvl7pPr>
      <a:lvl8pPr eaLnBrk="1" hangingPunct="1">
        <a:defRPr>
          <a:solidFill>
            <a:schemeClr val="tx2"/>
          </a:solidFill>
        </a:defRPr>
      </a:lvl8pPr>
      <a:lvl9pPr eaLnBrk="1" hangingPunct="1">
        <a:defRPr>
          <a:solidFill>
            <a:schemeClr val="tx2"/>
          </a:solidFill>
        </a:defRPr>
      </a:lvl9pPr>
    </p:titleStyle>
    <p:bodyStyle>
      <a:lvl1pPr marL="342900" indent="-342900" algn="l" defTabSz="457200" rtl="0"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l" defTabSz="457200" rtl="0"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l" defTabSz="457200" rtl="0"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l" defTabSz="457200" rtl="0"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10.xml.rels><?xml version="1.0" encoding="UTF-8" standalone="yes"?>
<Relationships xmlns="http://schemas.openxmlformats.org/package/2006/relationships"><Relationship Id="rId8" Type="http://schemas.openxmlformats.org/officeDocument/2006/relationships/diagramLayout" Target="../diagrams/layout8.xml"/><Relationship Id="rId3" Type="http://schemas.openxmlformats.org/officeDocument/2006/relationships/diagramLayout" Target="../diagrams/layout7.xml"/><Relationship Id="rId7" Type="http://schemas.openxmlformats.org/officeDocument/2006/relationships/diagramData" Target="../diagrams/data8.xml"/><Relationship Id="rId2" Type="http://schemas.openxmlformats.org/officeDocument/2006/relationships/diagramData" Target="../diagrams/data7.xml"/><Relationship Id="rId1" Type="http://schemas.openxmlformats.org/officeDocument/2006/relationships/slideLayout" Target="../slideLayouts/slideLayout6.xml"/><Relationship Id="rId6" Type="http://schemas.microsoft.com/office/2007/relationships/diagramDrawing" Target="../diagrams/drawing7.xml"/><Relationship Id="rId11" Type="http://schemas.microsoft.com/office/2007/relationships/diagramDrawing" Target="../diagrams/drawing8.xml"/><Relationship Id="rId5" Type="http://schemas.openxmlformats.org/officeDocument/2006/relationships/diagramColors" Target="../diagrams/colors7.xml"/><Relationship Id="rId10" Type="http://schemas.openxmlformats.org/officeDocument/2006/relationships/diagramColors" Target="../diagrams/colors8.xml"/><Relationship Id="rId4" Type="http://schemas.openxmlformats.org/officeDocument/2006/relationships/diagramQuickStyle" Target="../diagrams/quickStyle7.xml"/><Relationship Id="rId9" Type="http://schemas.openxmlformats.org/officeDocument/2006/relationships/diagramQuickStyle" Target="../diagrams/quickStyle8.xml"/></Relationships>
</file>

<file path=ppt/slides/_rels/slide11.xml.rels><?xml version="1.0" encoding="UTF-8" standalone="yes"?>
<Relationships xmlns="http://schemas.openxmlformats.org/package/2006/relationships"><Relationship Id="rId2" Type="http://schemas.openxmlformats.org/officeDocument/2006/relationships/image" Target="../media/image9.jpg"/><Relationship Id="rId1" Type="http://schemas.openxmlformats.org/officeDocument/2006/relationships/slideLayout" Target="../slideLayouts/slideLayout8.xml"/></Relationships>
</file>

<file path=ppt/slides/_rels/slide12.xml.rels><?xml version="1.0" encoding="UTF-8" standalone="yes"?>
<Relationships xmlns="http://schemas.openxmlformats.org/package/2006/relationships"><Relationship Id="rId8" Type="http://schemas.openxmlformats.org/officeDocument/2006/relationships/diagramLayout" Target="../diagrams/layout10.xml"/><Relationship Id="rId3" Type="http://schemas.openxmlformats.org/officeDocument/2006/relationships/diagramLayout" Target="../diagrams/layout9.xml"/><Relationship Id="rId7" Type="http://schemas.openxmlformats.org/officeDocument/2006/relationships/diagramData" Target="../diagrams/data10.xml"/><Relationship Id="rId2" Type="http://schemas.openxmlformats.org/officeDocument/2006/relationships/diagramData" Target="../diagrams/data9.xml"/><Relationship Id="rId1" Type="http://schemas.openxmlformats.org/officeDocument/2006/relationships/slideLayout" Target="../slideLayouts/slideLayout6.xml"/><Relationship Id="rId6" Type="http://schemas.microsoft.com/office/2007/relationships/diagramDrawing" Target="../diagrams/drawing9.xml"/><Relationship Id="rId11" Type="http://schemas.microsoft.com/office/2007/relationships/diagramDrawing" Target="../diagrams/drawing10.xml"/><Relationship Id="rId5" Type="http://schemas.openxmlformats.org/officeDocument/2006/relationships/diagramColors" Target="../diagrams/colors9.xml"/><Relationship Id="rId10" Type="http://schemas.openxmlformats.org/officeDocument/2006/relationships/diagramColors" Target="../diagrams/colors10.xml"/><Relationship Id="rId4" Type="http://schemas.openxmlformats.org/officeDocument/2006/relationships/diagramQuickStyle" Target="../diagrams/quickStyle9.xml"/><Relationship Id="rId9" Type="http://schemas.openxmlformats.org/officeDocument/2006/relationships/diagramQuickStyle" Target="../diagrams/quickStyle10.xml"/></Relationships>
</file>

<file path=ppt/slides/_rels/slide13.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38" Type="http://schemas.openxmlformats.org/officeDocument/2006/relationships/tags" Target="../tags/tag138.xml"/><Relationship Id="rId154" Type="http://schemas.openxmlformats.org/officeDocument/2006/relationships/tags" Target="../tags/tag154.xml"/><Relationship Id="rId159" Type="http://schemas.openxmlformats.org/officeDocument/2006/relationships/tags" Target="../tags/tag159.xml"/><Relationship Id="rId175" Type="http://schemas.openxmlformats.org/officeDocument/2006/relationships/tags" Target="../tags/tag175.xml"/><Relationship Id="rId170" Type="http://schemas.openxmlformats.org/officeDocument/2006/relationships/tags" Target="../tags/tag170.xml"/><Relationship Id="rId191" Type="http://schemas.openxmlformats.org/officeDocument/2006/relationships/tags" Target="../tags/tag191.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144" Type="http://schemas.openxmlformats.org/officeDocument/2006/relationships/tags" Target="../tags/tag144.xml"/><Relationship Id="rId149" Type="http://schemas.openxmlformats.org/officeDocument/2006/relationships/tags" Target="../tags/tag149.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60" Type="http://schemas.openxmlformats.org/officeDocument/2006/relationships/tags" Target="../tags/tag160.xml"/><Relationship Id="rId165" Type="http://schemas.openxmlformats.org/officeDocument/2006/relationships/tags" Target="../tags/tag165.xml"/><Relationship Id="rId181" Type="http://schemas.openxmlformats.org/officeDocument/2006/relationships/tags" Target="../tags/tag181.xml"/><Relationship Id="rId186" Type="http://schemas.openxmlformats.org/officeDocument/2006/relationships/tags" Target="../tags/tag186.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134" Type="http://schemas.openxmlformats.org/officeDocument/2006/relationships/tags" Target="../tags/tag134.xml"/><Relationship Id="rId139" Type="http://schemas.openxmlformats.org/officeDocument/2006/relationships/tags" Target="../tags/tag139.xml"/><Relationship Id="rId80" Type="http://schemas.openxmlformats.org/officeDocument/2006/relationships/tags" Target="../tags/tag80.xml"/><Relationship Id="rId85" Type="http://schemas.openxmlformats.org/officeDocument/2006/relationships/tags" Target="../tags/tag85.xml"/><Relationship Id="rId150" Type="http://schemas.openxmlformats.org/officeDocument/2006/relationships/tags" Target="../tags/tag150.xml"/><Relationship Id="rId155" Type="http://schemas.openxmlformats.org/officeDocument/2006/relationships/tags" Target="../tags/tag155.xml"/><Relationship Id="rId171" Type="http://schemas.openxmlformats.org/officeDocument/2006/relationships/tags" Target="../tags/tag171.xml"/><Relationship Id="rId176" Type="http://schemas.openxmlformats.org/officeDocument/2006/relationships/tags" Target="../tags/tag176.xml"/><Relationship Id="rId192" Type="http://schemas.openxmlformats.org/officeDocument/2006/relationships/tags" Target="../tags/tag192.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124" Type="http://schemas.openxmlformats.org/officeDocument/2006/relationships/tags" Target="../tags/tag124.xml"/><Relationship Id="rId129" Type="http://schemas.openxmlformats.org/officeDocument/2006/relationships/tags" Target="../tags/tag129.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40" Type="http://schemas.openxmlformats.org/officeDocument/2006/relationships/tags" Target="../tags/tag140.xml"/><Relationship Id="rId145" Type="http://schemas.openxmlformats.org/officeDocument/2006/relationships/tags" Target="../tags/tag145.xml"/><Relationship Id="rId161" Type="http://schemas.openxmlformats.org/officeDocument/2006/relationships/tags" Target="../tags/tag161.xml"/><Relationship Id="rId166" Type="http://schemas.openxmlformats.org/officeDocument/2006/relationships/tags" Target="../tags/tag166.xml"/><Relationship Id="rId182" Type="http://schemas.openxmlformats.org/officeDocument/2006/relationships/tags" Target="../tags/tag182.xml"/><Relationship Id="rId187" Type="http://schemas.openxmlformats.org/officeDocument/2006/relationships/tags" Target="../tags/tag187.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tags" Target="../tags/tag119.xml"/><Relationship Id="rId44" Type="http://schemas.openxmlformats.org/officeDocument/2006/relationships/tags" Target="../tags/tag44.xml"/><Relationship Id="rId60" Type="http://schemas.openxmlformats.org/officeDocument/2006/relationships/tags" Target="../tags/tag60.xml"/><Relationship Id="rId65" Type="http://schemas.openxmlformats.org/officeDocument/2006/relationships/tags" Target="../tags/tag65.xml"/><Relationship Id="rId81" Type="http://schemas.openxmlformats.org/officeDocument/2006/relationships/tags" Target="../tags/tag81.xml"/><Relationship Id="rId86" Type="http://schemas.openxmlformats.org/officeDocument/2006/relationships/tags" Target="../tags/tag86.xml"/><Relationship Id="rId130" Type="http://schemas.openxmlformats.org/officeDocument/2006/relationships/tags" Target="../tags/tag130.xml"/><Relationship Id="rId135" Type="http://schemas.openxmlformats.org/officeDocument/2006/relationships/tags" Target="../tags/tag135.xml"/><Relationship Id="rId151" Type="http://schemas.openxmlformats.org/officeDocument/2006/relationships/tags" Target="../tags/tag151.xml"/><Relationship Id="rId156" Type="http://schemas.openxmlformats.org/officeDocument/2006/relationships/tags" Target="../tags/tag156.xml"/><Relationship Id="rId177" Type="http://schemas.openxmlformats.org/officeDocument/2006/relationships/tags" Target="../tags/tag177.xml"/><Relationship Id="rId172" Type="http://schemas.openxmlformats.org/officeDocument/2006/relationships/tags" Target="../tags/tag172.xml"/><Relationship Id="rId193" Type="http://schemas.openxmlformats.org/officeDocument/2006/relationships/slideLayout" Target="../slideLayouts/slideLayout7.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141" Type="http://schemas.openxmlformats.org/officeDocument/2006/relationships/tags" Target="../tags/tag141.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162" Type="http://schemas.openxmlformats.org/officeDocument/2006/relationships/tags" Target="../tags/tag162.xml"/><Relationship Id="rId183" Type="http://schemas.openxmlformats.org/officeDocument/2006/relationships/tags" Target="../tags/tag183.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52" Type="http://schemas.openxmlformats.org/officeDocument/2006/relationships/tags" Target="../tags/tag152.xml"/><Relationship Id="rId173" Type="http://schemas.openxmlformats.org/officeDocument/2006/relationships/tags" Target="../tags/tag173.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189" Type="http://schemas.openxmlformats.org/officeDocument/2006/relationships/tags" Target="../tags/tag189.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79" Type="http://schemas.openxmlformats.org/officeDocument/2006/relationships/tags" Target="../tags/tag179.xml"/><Relationship Id="rId190" Type="http://schemas.openxmlformats.org/officeDocument/2006/relationships/tags" Target="../tags/tag190.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6" Type="http://schemas.openxmlformats.org/officeDocument/2006/relationships/tags" Target="../tags/tag26.xml"/></Relationships>
</file>

<file path=ppt/slides/_rels/slide14.xml.rels><?xml version="1.0" encoding="UTF-8" standalone="yes"?>
<Relationships xmlns="http://schemas.openxmlformats.org/package/2006/relationships"><Relationship Id="rId8" Type="http://schemas.openxmlformats.org/officeDocument/2006/relationships/diagramLayout" Target="../diagrams/layout12.xml"/><Relationship Id="rId3" Type="http://schemas.openxmlformats.org/officeDocument/2006/relationships/diagramLayout" Target="../diagrams/layout11.xml"/><Relationship Id="rId7" Type="http://schemas.openxmlformats.org/officeDocument/2006/relationships/diagramData" Target="../diagrams/data12.xml"/><Relationship Id="rId2" Type="http://schemas.openxmlformats.org/officeDocument/2006/relationships/diagramData" Target="../diagrams/data11.xml"/><Relationship Id="rId1" Type="http://schemas.openxmlformats.org/officeDocument/2006/relationships/slideLayout" Target="../slideLayouts/slideLayout6.xml"/><Relationship Id="rId6" Type="http://schemas.microsoft.com/office/2007/relationships/diagramDrawing" Target="../diagrams/drawing11.xml"/><Relationship Id="rId11" Type="http://schemas.microsoft.com/office/2007/relationships/diagramDrawing" Target="../diagrams/drawing12.xml"/><Relationship Id="rId5" Type="http://schemas.openxmlformats.org/officeDocument/2006/relationships/diagramColors" Target="../diagrams/colors11.xml"/><Relationship Id="rId10" Type="http://schemas.openxmlformats.org/officeDocument/2006/relationships/diagramColors" Target="../diagrams/colors12.xml"/><Relationship Id="rId4" Type="http://schemas.openxmlformats.org/officeDocument/2006/relationships/diagramQuickStyle" Target="../diagrams/quickStyle11.xml"/><Relationship Id="rId9" Type="http://schemas.openxmlformats.org/officeDocument/2006/relationships/diagramQuickStyle" Target="../diagrams/quickStyle12.xml"/></Relationships>
</file>

<file path=ppt/slides/_rels/slide15.xml.rels><?xml version="1.0" encoding="UTF-8" standalone="yes"?>
<Relationships xmlns="http://schemas.openxmlformats.org/package/2006/relationships"><Relationship Id="rId3" Type="http://schemas.openxmlformats.org/officeDocument/2006/relationships/diagramData" Target="../diagrams/data13.xml"/><Relationship Id="rId7" Type="http://schemas.microsoft.com/office/2007/relationships/diagramDrawing" Target="../diagrams/drawing13.xml"/><Relationship Id="rId2" Type="http://schemas.openxmlformats.org/officeDocument/2006/relationships/notesSlide" Target="../notesSlides/notesSlide1.xml"/><Relationship Id="rId1" Type="http://schemas.openxmlformats.org/officeDocument/2006/relationships/slideLayout" Target="../slideLayouts/slideLayout6.xml"/><Relationship Id="rId6" Type="http://schemas.openxmlformats.org/officeDocument/2006/relationships/diagramColors" Target="../diagrams/colors13.xml"/><Relationship Id="rId5" Type="http://schemas.openxmlformats.org/officeDocument/2006/relationships/diagramQuickStyle" Target="../diagrams/quickStyle13.xml"/><Relationship Id="rId4" Type="http://schemas.openxmlformats.org/officeDocument/2006/relationships/diagramLayout" Target="../diagrams/layout1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2.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6.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xml.rels><?xml version="1.0" encoding="UTF-8" standalone="yes"?>
<Relationships xmlns="http://schemas.openxmlformats.org/package/2006/relationships"><Relationship Id="rId8" Type="http://schemas.openxmlformats.org/officeDocument/2006/relationships/diagramLayout" Target="../diagrams/layout4.xml"/><Relationship Id="rId3" Type="http://schemas.openxmlformats.org/officeDocument/2006/relationships/diagramLayout" Target="../diagrams/layout3.xml"/><Relationship Id="rId7" Type="http://schemas.openxmlformats.org/officeDocument/2006/relationships/diagramData" Target="../diagrams/data4.xml"/><Relationship Id="rId2" Type="http://schemas.openxmlformats.org/officeDocument/2006/relationships/diagramData" Target="../diagrams/data3.xml"/><Relationship Id="rId1" Type="http://schemas.openxmlformats.org/officeDocument/2006/relationships/slideLayout" Target="../slideLayouts/slideLayout6.xml"/><Relationship Id="rId6" Type="http://schemas.microsoft.com/office/2007/relationships/diagramDrawing" Target="../diagrams/drawing3.xml"/><Relationship Id="rId11" Type="http://schemas.microsoft.com/office/2007/relationships/diagramDrawing" Target="../diagrams/drawing4.xml"/><Relationship Id="rId5" Type="http://schemas.openxmlformats.org/officeDocument/2006/relationships/diagramColors" Target="../diagrams/colors3.xml"/><Relationship Id="rId10" Type="http://schemas.openxmlformats.org/officeDocument/2006/relationships/diagramColors" Target="../diagrams/colors4.xml"/><Relationship Id="rId4" Type="http://schemas.openxmlformats.org/officeDocument/2006/relationships/diagramQuickStyle" Target="../diagrams/quickStyle3.xml"/><Relationship Id="rId9" Type="http://schemas.openxmlformats.org/officeDocument/2006/relationships/diagramQuickStyle" Target="../diagrams/quickStyle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8" Type="http://schemas.openxmlformats.org/officeDocument/2006/relationships/diagramLayout" Target="../diagrams/layout6.xml"/><Relationship Id="rId3" Type="http://schemas.openxmlformats.org/officeDocument/2006/relationships/diagramLayout" Target="../diagrams/layout5.xml"/><Relationship Id="rId7" Type="http://schemas.openxmlformats.org/officeDocument/2006/relationships/diagramData" Target="../diagrams/data6.xml"/><Relationship Id="rId2" Type="http://schemas.openxmlformats.org/officeDocument/2006/relationships/diagramData" Target="../diagrams/data5.xml"/><Relationship Id="rId1" Type="http://schemas.openxmlformats.org/officeDocument/2006/relationships/slideLayout" Target="../slideLayouts/slideLayout6.xml"/><Relationship Id="rId6" Type="http://schemas.microsoft.com/office/2007/relationships/diagramDrawing" Target="../diagrams/drawing5.xml"/><Relationship Id="rId11" Type="http://schemas.microsoft.com/office/2007/relationships/diagramDrawing" Target="../diagrams/drawing6.xml"/><Relationship Id="rId5" Type="http://schemas.openxmlformats.org/officeDocument/2006/relationships/diagramColors" Target="../diagrams/colors5.xml"/><Relationship Id="rId10" Type="http://schemas.openxmlformats.org/officeDocument/2006/relationships/diagramColors" Target="../diagrams/colors6.xml"/><Relationship Id="rId4" Type="http://schemas.openxmlformats.org/officeDocument/2006/relationships/diagramQuickStyle" Target="../diagrams/quickStyle5.xml"/><Relationship Id="rId9" Type="http://schemas.openxmlformats.org/officeDocument/2006/relationships/diagramQuickStyle" Target="../diagrams/quickStyle6.xml"/></Relationships>
</file>

<file path=ppt/slides/_rels/slide8.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6.xml"/></Relationships>
</file>

<file path=ppt/slides/_rels/slide9.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Layout" Target="../slideLayouts/slideLayout6.xml"/><Relationship Id="rId1" Type="http://schemas.openxmlformats.org/officeDocument/2006/relationships/vmlDrawing" Target="../drawings/vmlDrawing1.vml"/><Relationship Id="rId5" Type="http://schemas.openxmlformats.org/officeDocument/2006/relationships/image" Target="../media/image8.png"/><Relationship Id="rId4" Type="http://schemas.openxmlformats.org/officeDocument/2006/relationships/image" Target="../media/image7.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r>
              <a:rPr lang="en-US" dirty="0"/>
              <a:t>Mercy Corps PAHAL Data Use</a:t>
            </a:r>
          </a:p>
        </p:txBody>
      </p:sp>
      <p:sp>
        <p:nvSpPr>
          <p:cNvPr id="3" name="Content Placeholder 2" descr="Woman stands among tomato plants" title="Woman stands among tomato plants"/>
          <p:cNvSpPr>
            <a:spLocks noGrp="1"/>
          </p:cNvSpPr>
          <p:nvPr>
            <p:ph idx="1"/>
          </p:nvPr>
        </p:nvSpPr>
        <p:spPr/>
        <p:txBody>
          <a:bodyPr/>
          <a:lstStyle/>
          <a:p>
            <a:endParaRPr lang="en-US" dirty="0"/>
          </a:p>
        </p:txBody>
      </p:sp>
      <p:sp>
        <p:nvSpPr>
          <p:cNvPr id="4" name="Subtitle 3"/>
          <p:cNvSpPr>
            <a:spLocks noGrp="1"/>
          </p:cNvSpPr>
          <p:nvPr>
            <p:ph type="subTitle" idx="13"/>
          </p:nvPr>
        </p:nvSpPr>
        <p:spPr/>
        <p:txBody>
          <a:bodyPr>
            <a:normAutofit fontScale="92500" lnSpcReduction="10000"/>
          </a:bodyPr>
          <a:lstStyle/>
          <a:p>
            <a:r>
              <a:rPr lang="en-US" dirty="0"/>
              <a:t>30 November 2017</a:t>
            </a:r>
          </a:p>
        </p:txBody>
      </p:sp>
    </p:spTree>
    <p:extLst>
      <p:ext uri="{BB962C8B-B14F-4D97-AF65-F5344CB8AC3E}">
        <p14:creationId xmlns:p14="http://schemas.microsoft.com/office/powerpoint/2010/main" val="102247911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20727" y="75070"/>
            <a:ext cx="8911687" cy="1280890"/>
          </a:xfrm>
        </p:spPr>
        <p:txBody>
          <a:bodyPr/>
          <a:lstStyle/>
          <a:p>
            <a:r>
              <a:rPr lang="en-US" dirty="0"/>
              <a:t>PAHAL MEL Framework </a:t>
            </a:r>
            <a:br>
              <a:rPr lang="en-US" dirty="0"/>
            </a:br>
            <a:r>
              <a:rPr lang="en-US" dirty="0"/>
              <a:t>&amp; Process Overview</a:t>
            </a:r>
          </a:p>
        </p:txBody>
      </p:sp>
      <p:graphicFrame>
        <p:nvGraphicFramePr>
          <p:cNvPr id="3" name="Diagram 2"/>
          <p:cNvGraphicFramePr/>
          <p:nvPr/>
        </p:nvGraphicFramePr>
        <p:xfrm>
          <a:off x="-568672" y="1296537"/>
          <a:ext cx="6901858" cy="55614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Diagram 4"/>
          <p:cNvGraphicFramePr/>
          <p:nvPr>
            <p:extLst>
              <p:ext uri="{D42A27DB-BD31-4B8C-83A1-F6EECF244321}">
                <p14:modId xmlns:p14="http://schemas.microsoft.com/office/powerpoint/2010/main" val="283631437"/>
              </p:ext>
            </p:extLst>
          </p:nvPr>
        </p:nvGraphicFramePr>
        <p:xfrm>
          <a:off x="3776374" y="158678"/>
          <a:ext cx="10304061" cy="6540643"/>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70672111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63712" y="446088"/>
            <a:ext cx="3505199" cy="976312"/>
          </a:xfrm>
        </p:spPr>
        <p:txBody>
          <a:bodyPr/>
          <a:lstStyle/>
          <a:p>
            <a:r>
              <a:rPr lang="en-US"/>
              <a:t>Water &amp; WASH </a:t>
            </a:r>
            <a:r>
              <a:rPr lang="en-US" dirty="0"/>
              <a:t>Data Collection</a:t>
            </a:r>
          </a:p>
        </p:txBody>
      </p:sp>
      <p:sp>
        <p:nvSpPr>
          <p:cNvPr id="4" name="Text Placeholder 3"/>
          <p:cNvSpPr>
            <a:spLocks noGrp="1"/>
          </p:cNvSpPr>
          <p:nvPr>
            <p:ph type="body" sz="half" idx="2"/>
          </p:nvPr>
        </p:nvSpPr>
        <p:spPr>
          <a:xfrm>
            <a:off x="1522412" y="1674813"/>
            <a:ext cx="3505199" cy="4262436"/>
          </a:xfrm>
        </p:spPr>
        <p:txBody>
          <a:bodyPr/>
          <a:lstStyle/>
          <a:p>
            <a:r>
              <a:rPr lang="en-US" dirty="0"/>
              <a:t>Water Data Collection</a:t>
            </a:r>
          </a:p>
          <a:p>
            <a:r>
              <a:rPr lang="en-US" dirty="0"/>
              <a:t>&gt;&gt; Water Technicians collect &amp; enter</a:t>
            </a:r>
          </a:p>
          <a:p>
            <a:r>
              <a:rPr lang="en-US" dirty="0"/>
              <a:t>&gt;&gt; Water Engineers review</a:t>
            </a:r>
          </a:p>
          <a:p>
            <a:r>
              <a:rPr lang="en-US" dirty="0"/>
              <a:t>&gt;&gt; Water Managers accept</a:t>
            </a:r>
          </a:p>
          <a:p>
            <a:r>
              <a:rPr lang="en-US" dirty="0"/>
              <a:t>&gt;&gt; MEL manipulates data &amp; shares results</a:t>
            </a:r>
          </a:p>
          <a:p>
            <a:endParaRPr lang="en-US" dirty="0"/>
          </a:p>
          <a:p>
            <a:r>
              <a:rPr lang="en-US" dirty="0"/>
              <a:t>WASH Data Collection</a:t>
            </a:r>
          </a:p>
          <a:p>
            <a:r>
              <a:rPr lang="en-US" dirty="0"/>
              <a:t>&gt;&gt; Community Volunteers collect</a:t>
            </a:r>
          </a:p>
          <a:p>
            <a:r>
              <a:rPr lang="en-US" dirty="0"/>
              <a:t>&gt;&gt; WASH Officers enter</a:t>
            </a:r>
          </a:p>
          <a:p>
            <a:r>
              <a:rPr lang="en-US" dirty="0"/>
              <a:t>&gt;&gt; WASH Managers accept</a:t>
            </a:r>
          </a:p>
          <a:p>
            <a:r>
              <a:rPr lang="en-US" dirty="0"/>
              <a:t>&gt;&gt; MEL manipulates data &amp; shares results</a:t>
            </a:r>
          </a:p>
        </p:txBody>
      </p:sp>
      <p:pic>
        <p:nvPicPr>
          <p:cNvPr id="5" name="Content Placeholder 4" descr="flow chart of water and WASH data collection from the district, region, and central levels" title="flow chart of water and WASH data collection"/>
          <p:cNvPicPr>
            <a:picLocks noGrp="1" noChangeAspect="1"/>
          </p:cNvPicPr>
          <p:nvPr>
            <p:ph idx="1"/>
          </p:nvPr>
        </p:nvPicPr>
        <p:blipFill rotWithShape="1">
          <a:blip r:embed="rId2">
            <a:extLst>
              <a:ext uri="{28A0092B-C50C-407E-A947-70E740481C1C}">
                <a14:useLocalDpi xmlns:a14="http://schemas.microsoft.com/office/drawing/2010/main" val="0"/>
              </a:ext>
            </a:extLst>
          </a:blip>
          <a:srcRect t="9041" b="1714"/>
          <a:stretch/>
        </p:blipFill>
        <p:spPr>
          <a:xfrm>
            <a:off x="5167126" y="355454"/>
            <a:ext cx="6796274" cy="6502546"/>
          </a:xfrm>
          <a:prstGeom prst="rect">
            <a:avLst/>
          </a:prstGeom>
        </p:spPr>
      </p:pic>
    </p:spTree>
    <p:extLst>
      <p:ext uri="{BB962C8B-B14F-4D97-AF65-F5344CB8AC3E}">
        <p14:creationId xmlns:p14="http://schemas.microsoft.com/office/powerpoint/2010/main" val="83823022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20727" y="75070"/>
            <a:ext cx="8911687" cy="1280890"/>
          </a:xfrm>
        </p:spPr>
        <p:txBody>
          <a:bodyPr/>
          <a:lstStyle/>
          <a:p>
            <a:r>
              <a:rPr lang="en-US" dirty="0"/>
              <a:t>PAHAL MEL Framework </a:t>
            </a:r>
            <a:br>
              <a:rPr lang="en-US" dirty="0"/>
            </a:br>
            <a:r>
              <a:rPr lang="en-US" dirty="0"/>
              <a:t>&amp; Process Overview</a:t>
            </a:r>
          </a:p>
        </p:txBody>
      </p:sp>
      <p:graphicFrame>
        <p:nvGraphicFramePr>
          <p:cNvPr id="3" name="Diagram 2"/>
          <p:cNvGraphicFramePr/>
          <p:nvPr/>
        </p:nvGraphicFramePr>
        <p:xfrm>
          <a:off x="-568672" y="1296537"/>
          <a:ext cx="6901858" cy="55614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Diagram 4"/>
          <p:cNvGraphicFramePr/>
          <p:nvPr>
            <p:extLst>
              <p:ext uri="{D42A27DB-BD31-4B8C-83A1-F6EECF244321}">
                <p14:modId xmlns:p14="http://schemas.microsoft.com/office/powerpoint/2010/main" val="2951831009"/>
              </p:ext>
            </p:extLst>
          </p:nvPr>
        </p:nvGraphicFramePr>
        <p:xfrm>
          <a:off x="3776374" y="158678"/>
          <a:ext cx="10304061" cy="6540643"/>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277531710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751" name="OTLSHAPE_T_6409e2951e234fcba9d0a66ab1fcfdbb_RightVerticalConnector7"/>
          <p:cNvCxnSpPr/>
          <p:nvPr>
            <p:custDataLst>
              <p:tags r:id="rId2"/>
            </p:custDataLst>
          </p:nvPr>
        </p:nvCxnSpPr>
        <p:spPr>
          <a:xfrm>
            <a:off x="9180216" y="4747175"/>
            <a:ext cx="0" cy="396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50" name="OTLSHAPE_T_6409e2951e234fcba9d0a66ab1fcfdbb_RightVerticalConnector6"/>
          <p:cNvCxnSpPr/>
          <p:nvPr>
            <p:custDataLst>
              <p:tags r:id="rId3"/>
            </p:custDataLst>
          </p:nvPr>
        </p:nvCxnSpPr>
        <p:spPr>
          <a:xfrm>
            <a:off x="9180216" y="4462357"/>
            <a:ext cx="0" cy="114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9" name="OTLSHAPE_T_6409e2951e234fcba9d0a66ab1fcfdbb_RightVerticalConnector4"/>
          <p:cNvCxnSpPr/>
          <p:nvPr>
            <p:custDataLst>
              <p:tags r:id="rId4"/>
            </p:custDataLst>
          </p:nvPr>
        </p:nvCxnSpPr>
        <p:spPr>
          <a:xfrm>
            <a:off x="9180216" y="3816689"/>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8" name="OTLSHAPE_T_6409e2951e234fcba9d0a66ab1fcfdbb_RightVerticalConnector3"/>
          <p:cNvCxnSpPr/>
          <p:nvPr>
            <p:custDataLst>
              <p:tags r:id="rId5"/>
            </p:custDataLst>
          </p:nvPr>
        </p:nvCxnSpPr>
        <p:spPr>
          <a:xfrm>
            <a:off x="9180216" y="3351445"/>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7" name="OTLSHAPE_T_6409e2951e234fcba9d0a66ab1fcfdbb_RightVerticalConnector2"/>
          <p:cNvCxnSpPr/>
          <p:nvPr>
            <p:custDataLst>
              <p:tags r:id="rId6"/>
            </p:custDataLst>
          </p:nvPr>
        </p:nvCxnSpPr>
        <p:spPr>
          <a:xfrm>
            <a:off x="9180216" y="2886202"/>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6" name="OTLSHAPE_T_6409e2951e234fcba9d0a66ab1fcfdbb_RightVerticalConnector1"/>
          <p:cNvCxnSpPr/>
          <p:nvPr>
            <p:custDataLst>
              <p:tags r:id="rId7"/>
            </p:custDataLst>
          </p:nvPr>
        </p:nvCxnSpPr>
        <p:spPr>
          <a:xfrm>
            <a:off x="9180216" y="2512483"/>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5" name="OTLSHAPE_T_6409e2951e234fcba9d0a66ab1fcfdbb_LeftVerticalConnector9"/>
          <p:cNvCxnSpPr/>
          <p:nvPr>
            <p:custDataLst>
              <p:tags r:id="rId8"/>
            </p:custDataLst>
          </p:nvPr>
        </p:nvCxnSpPr>
        <p:spPr>
          <a:xfrm>
            <a:off x="9041305" y="4747175"/>
            <a:ext cx="0" cy="396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4" name="OTLSHAPE_T_6409e2951e234fcba9d0a66ab1fcfdbb_LeftVerticalConnector8"/>
          <p:cNvCxnSpPr/>
          <p:nvPr>
            <p:custDataLst>
              <p:tags r:id="rId9"/>
            </p:custDataLst>
          </p:nvPr>
        </p:nvCxnSpPr>
        <p:spPr>
          <a:xfrm>
            <a:off x="9041305" y="4462357"/>
            <a:ext cx="0" cy="114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3" name="OTLSHAPE_T_6409e2951e234fcba9d0a66ab1fcfdbb_LeftVerticalConnector6"/>
          <p:cNvCxnSpPr/>
          <p:nvPr>
            <p:custDataLst>
              <p:tags r:id="rId10"/>
            </p:custDataLst>
          </p:nvPr>
        </p:nvCxnSpPr>
        <p:spPr>
          <a:xfrm>
            <a:off x="9041305" y="3997113"/>
            <a:ext cx="0" cy="114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2" name="OTLSHAPE_T_6409e2951e234fcba9d0a66ab1fcfdbb_LeftVerticalConnector4"/>
          <p:cNvCxnSpPr/>
          <p:nvPr>
            <p:custDataLst>
              <p:tags r:id="rId11"/>
            </p:custDataLst>
          </p:nvPr>
        </p:nvCxnSpPr>
        <p:spPr>
          <a:xfrm>
            <a:off x="9041305" y="3531870"/>
            <a:ext cx="0" cy="114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1" name="OTLSHAPE_T_6409e2951e234fcba9d0a66ab1fcfdbb_LeftVerticalConnector2"/>
          <p:cNvCxnSpPr/>
          <p:nvPr>
            <p:custDataLst>
              <p:tags r:id="rId12"/>
            </p:custDataLst>
          </p:nvPr>
        </p:nvCxnSpPr>
        <p:spPr>
          <a:xfrm>
            <a:off x="9041305" y="2886202"/>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40" name="OTLSHAPE_T_6409e2951e234fcba9d0a66ab1fcfdbb_LeftVerticalConnector1"/>
          <p:cNvCxnSpPr/>
          <p:nvPr>
            <p:custDataLst>
              <p:tags r:id="rId13"/>
            </p:custDataLst>
          </p:nvPr>
        </p:nvCxnSpPr>
        <p:spPr>
          <a:xfrm>
            <a:off x="9041305" y="2512483"/>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9" name="OTLSHAPE_T_ba61f5e063484ab79a05216fc94a7805_RightVerticalConnector8"/>
          <p:cNvCxnSpPr/>
          <p:nvPr>
            <p:custDataLst>
              <p:tags r:id="rId14"/>
            </p:custDataLst>
          </p:nvPr>
        </p:nvCxnSpPr>
        <p:spPr>
          <a:xfrm>
            <a:off x="9124644" y="4747175"/>
            <a:ext cx="0" cy="396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8" name="OTLSHAPE_T_ba61f5e063484ab79a05216fc94a7805_RightVerticalConnector7"/>
          <p:cNvCxnSpPr/>
          <p:nvPr>
            <p:custDataLst>
              <p:tags r:id="rId15"/>
            </p:custDataLst>
          </p:nvPr>
        </p:nvCxnSpPr>
        <p:spPr>
          <a:xfrm>
            <a:off x="9124644" y="4462357"/>
            <a:ext cx="0" cy="114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7" name="OTLSHAPE_T_ba61f5e063484ab79a05216fc94a7805_RightVerticalConnector5"/>
          <p:cNvCxnSpPr/>
          <p:nvPr>
            <p:custDataLst>
              <p:tags r:id="rId16"/>
            </p:custDataLst>
          </p:nvPr>
        </p:nvCxnSpPr>
        <p:spPr>
          <a:xfrm>
            <a:off x="9124644" y="3816689"/>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6" name="OTLSHAPE_T_ba61f5e063484ab79a05216fc94a7805_RightVerticalConnector4"/>
          <p:cNvCxnSpPr/>
          <p:nvPr>
            <p:custDataLst>
              <p:tags r:id="rId17"/>
            </p:custDataLst>
          </p:nvPr>
        </p:nvCxnSpPr>
        <p:spPr>
          <a:xfrm>
            <a:off x="9124644" y="3351445"/>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5" name="OTLSHAPE_T_ba61f5e063484ab79a05216fc94a7805_RightVerticalConnector3"/>
          <p:cNvCxnSpPr/>
          <p:nvPr>
            <p:custDataLst>
              <p:tags r:id="rId18"/>
            </p:custDataLst>
          </p:nvPr>
        </p:nvCxnSpPr>
        <p:spPr>
          <a:xfrm>
            <a:off x="9124644" y="2886202"/>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4" name="OTLSHAPE_T_ba61f5e063484ab79a05216fc94a7805_RightVerticalConnector2"/>
          <p:cNvCxnSpPr/>
          <p:nvPr>
            <p:custDataLst>
              <p:tags r:id="rId19"/>
            </p:custDataLst>
          </p:nvPr>
        </p:nvCxnSpPr>
        <p:spPr>
          <a:xfrm>
            <a:off x="9124644" y="2512483"/>
            <a:ext cx="0" cy="2032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3" name="OTLSHAPE_T_ba61f5e063484ab79a05216fc94a7805_RightVerticalConnector1"/>
          <p:cNvCxnSpPr/>
          <p:nvPr>
            <p:custDataLst>
              <p:tags r:id="rId20"/>
            </p:custDataLst>
          </p:nvPr>
        </p:nvCxnSpPr>
        <p:spPr>
          <a:xfrm>
            <a:off x="9124644" y="2245783"/>
            <a:ext cx="0" cy="635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2" name="OTLSHAPE_T_ba61f5e063484ab79a05216fc94a7805_LeftVerticalConnector3"/>
          <p:cNvCxnSpPr/>
          <p:nvPr>
            <p:custDataLst>
              <p:tags r:id="rId21"/>
            </p:custDataLst>
          </p:nvPr>
        </p:nvCxnSpPr>
        <p:spPr>
          <a:xfrm>
            <a:off x="8291086" y="4747175"/>
            <a:ext cx="0" cy="396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1" name="OTLSHAPE_T_ba61f5e063484ab79a05216fc94a7805_LeftVerticalConnector2"/>
          <p:cNvCxnSpPr/>
          <p:nvPr>
            <p:custDataLst>
              <p:tags r:id="rId22"/>
            </p:custDataLst>
          </p:nvPr>
        </p:nvCxnSpPr>
        <p:spPr>
          <a:xfrm>
            <a:off x="8291086" y="4281932"/>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30" name="OTLSHAPE_T_ba61f5e063484ab79a05216fc94a7805_LeftVerticalConnector1"/>
          <p:cNvCxnSpPr/>
          <p:nvPr>
            <p:custDataLst>
              <p:tags r:id="rId23"/>
            </p:custDataLst>
          </p:nvPr>
        </p:nvCxnSpPr>
        <p:spPr>
          <a:xfrm>
            <a:off x="8291086" y="2245783"/>
            <a:ext cx="0" cy="186563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9" name="OTLSHAPE_T_4c1a14bcbbc447719a41be5a2c7da674_RightVerticalConnector8"/>
          <p:cNvCxnSpPr/>
          <p:nvPr>
            <p:custDataLst>
              <p:tags r:id="rId24"/>
            </p:custDataLst>
          </p:nvPr>
        </p:nvCxnSpPr>
        <p:spPr>
          <a:xfrm>
            <a:off x="4651114" y="4927600"/>
            <a:ext cx="0" cy="2159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8" name="OTLSHAPE_T_4c1a14bcbbc447719a41be5a2c7da674_RightVerticalConnector6"/>
          <p:cNvCxnSpPr/>
          <p:nvPr>
            <p:custDataLst>
              <p:tags r:id="rId25"/>
            </p:custDataLst>
          </p:nvPr>
        </p:nvCxnSpPr>
        <p:spPr>
          <a:xfrm>
            <a:off x="4651114" y="4281932"/>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7" name="OTLSHAPE_T_4c1a14bcbbc447719a41be5a2c7da674_RightVerticalConnector5"/>
          <p:cNvCxnSpPr/>
          <p:nvPr>
            <p:custDataLst>
              <p:tags r:id="rId26"/>
            </p:custDataLst>
          </p:nvPr>
        </p:nvCxnSpPr>
        <p:spPr>
          <a:xfrm>
            <a:off x="4651114" y="3997113"/>
            <a:ext cx="0" cy="1143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6" name="OTLSHAPE_T_4c1a14bcbbc447719a41be5a2c7da674_RightVerticalConnector3"/>
          <p:cNvCxnSpPr/>
          <p:nvPr>
            <p:custDataLst>
              <p:tags r:id="rId27"/>
            </p:custDataLst>
          </p:nvPr>
        </p:nvCxnSpPr>
        <p:spPr>
          <a:xfrm>
            <a:off x="4651114" y="3351445"/>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5" name="OTLSHAPE_T_4c1a14bcbbc447719a41be5a2c7da674_RightVerticalConnector2"/>
          <p:cNvCxnSpPr/>
          <p:nvPr>
            <p:custDataLst>
              <p:tags r:id="rId28"/>
            </p:custDataLst>
          </p:nvPr>
        </p:nvCxnSpPr>
        <p:spPr>
          <a:xfrm>
            <a:off x="4651114" y="2886202"/>
            <a:ext cx="0" cy="2947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4" name="OTLSHAPE_T_4c1a14bcbbc447719a41be5a2c7da674_RightVerticalConnector1"/>
          <p:cNvCxnSpPr/>
          <p:nvPr>
            <p:custDataLst>
              <p:tags r:id="rId29"/>
            </p:custDataLst>
          </p:nvPr>
        </p:nvCxnSpPr>
        <p:spPr>
          <a:xfrm>
            <a:off x="4651114" y="1979083"/>
            <a:ext cx="0" cy="7366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3" name="OTLSHAPE_T_4c1a14bcbbc447719a41be5a2c7da674_LeftVerticalConnector2"/>
          <p:cNvCxnSpPr/>
          <p:nvPr>
            <p:custDataLst>
              <p:tags r:id="rId30"/>
            </p:custDataLst>
          </p:nvPr>
        </p:nvCxnSpPr>
        <p:spPr>
          <a:xfrm>
            <a:off x="3428554" y="4747175"/>
            <a:ext cx="0" cy="396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2" name="OTLSHAPE_T_4c1a14bcbbc447719a41be5a2c7da674_LeftVerticalConnector1"/>
          <p:cNvCxnSpPr/>
          <p:nvPr>
            <p:custDataLst>
              <p:tags r:id="rId31"/>
            </p:custDataLst>
          </p:nvPr>
        </p:nvCxnSpPr>
        <p:spPr>
          <a:xfrm>
            <a:off x="3428554" y="1979084"/>
            <a:ext cx="0" cy="2597573"/>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1" name="OTLSHAPE_T_5342f51a21f2414cb2d440d704ee1f79_RightVerticalConnector3"/>
          <p:cNvCxnSpPr/>
          <p:nvPr>
            <p:custDataLst>
              <p:tags r:id="rId32"/>
            </p:custDataLst>
          </p:nvPr>
        </p:nvCxnSpPr>
        <p:spPr>
          <a:xfrm>
            <a:off x="3261819" y="4747175"/>
            <a:ext cx="0" cy="396325"/>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20" name="OTLSHAPE_T_5342f51a21f2414cb2d440d704ee1f79_RightVerticalConnector2"/>
          <p:cNvCxnSpPr/>
          <p:nvPr>
            <p:custDataLst>
              <p:tags r:id="rId33"/>
            </p:custDataLst>
          </p:nvPr>
        </p:nvCxnSpPr>
        <p:spPr>
          <a:xfrm>
            <a:off x="3261819" y="3816689"/>
            <a:ext cx="0" cy="75996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9" name="OTLSHAPE_T_5342f51a21f2414cb2d440d704ee1f79_RightVerticalConnector1"/>
          <p:cNvCxnSpPr/>
          <p:nvPr>
            <p:custDataLst>
              <p:tags r:id="rId34"/>
            </p:custDataLst>
          </p:nvPr>
        </p:nvCxnSpPr>
        <p:spPr>
          <a:xfrm>
            <a:off x="3261819" y="1712383"/>
            <a:ext cx="0" cy="193378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8" name="OTLSHAPE_T_5342f51a21f2414cb2d440d704ee1f79_LeftVerticalConnector4"/>
          <p:cNvCxnSpPr/>
          <p:nvPr>
            <p:custDataLst>
              <p:tags r:id="rId35"/>
            </p:custDataLst>
          </p:nvPr>
        </p:nvCxnSpPr>
        <p:spPr>
          <a:xfrm>
            <a:off x="2928408" y="4927600"/>
            <a:ext cx="0" cy="21590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7" name="OTLSHAPE_T_5342f51a21f2414cb2d440d704ee1f79_LeftVerticalConnector2"/>
          <p:cNvCxnSpPr/>
          <p:nvPr>
            <p:custDataLst>
              <p:tags r:id="rId36"/>
            </p:custDataLst>
          </p:nvPr>
        </p:nvCxnSpPr>
        <p:spPr>
          <a:xfrm>
            <a:off x="2928408" y="3816689"/>
            <a:ext cx="0" cy="759968"/>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6" name="OTLSHAPE_T_5342f51a21f2414cb2d440d704ee1f79_LeftVerticalConnector1"/>
          <p:cNvCxnSpPr/>
          <p:nvPr>
            <p:custDataLst>
              <p:tags r:id="rId37"/>
            </p:custDataLst>
          </p:nvPr>
        </p:nvCxnSpPr>
        <p:spPr>
          <a:xfrm>
            <a:off x="2928408" y="1712383"/>
            <a:ext cx="0" cy="1933787"/>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5" name="OTLSHAPE_M_b70d7fef4abc43ef87dee73322a44222_Connector1"/>
          <p:cNvCxnSpPr/>
          <p:nvPr>
            <p:custDataLst>
              <p:tags r:id="rId38"/>
            </p:custDataLst>
          </p:nvPr>
        </p:nvCxnSpPr>
        <p:spPr>
          <a:xfrm>
            <a:off x="11020435" y="3888698"/>
            <a:ext cx="0" cy="1254802"/>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4" name="OTLSHAPE_M_c8625ac85c624256866cedc84dc60bd3_Connector1"/>
          <p:cNvCxnSpPr/>
          <p:nvPr>
            <p:custDataLst>
              <p:tags r:id="rId39"/>
            </p:custDataLst>
          </p:nvPr>
        </p:nvCxnSpPr>
        <p:spPr>
          <a:xfrm>
            <a:off x="11020435" y="4609719"/>
            <a:ext cx="0" cy="533781"/>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3" name="OTLSHAPE_M_89df38f35af64e8096bc1ce40686670a_Connector3"/>
          <p:cNvCxnSpPr/>
          <p:nvPr>
            <p:custDataLst>
              <p:tags r:id="rId40"/>
            </p:custDataLst>
          </p:nvPr>
        </p:nvCxnSpPr>
        <p:spPr>
          <a:xfrm>
            <a:off x="10131286" y="4747175"/>
            <a:ext cx="0" cy="396325"/>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2" name="OTLSHAPE_M_89df38f35af64e8096bc1ce40686670a_Connector2"/>
          <p:cNvCxnSpPr/>
          <p:nvPr>
            <p:custDataLst>
              <p:tags r:id="rId41"/>
            </p:custDataLst>
          </p:nvPr>
        </p:nvCxnSpPr>
        <p:spPr>
          <a:xfrm>
            <a:off x="10131286" y="4281932"/>
            <a:ext cx="0" cy="294725"/>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1" name="OTLSHAPE_M_89df38f35af64e8096bc1ce40686670a_Connector1"/>
          <p:cNvCxnSpPr/>
          <p:nvPr>
            <p:custDataLst>
              <p:tags r:id="rId42"/>
            </p:custDataLst>
          </p:nvPr>
        </p:nvCxnSpPr>
        <p:spPr>
          <a:xfrm>
            <a:off x="10131286" y="3252935"/>
            <a:ext cx="0" cy="858478"/>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10" name="OTLSHAPE_M_0233bfffd3c149cd8b6ed50d4f086718_Connector1"/>
          <p:cNvCxnSpPr/>
          <p:nvPr>
            <p:custDataLst>
              <p:tags r:id="rId43"/>
            </p:custDataLst>
          </p:nvPr>
        </p:nvCxnSpPr>
        <p:spPr>
          <a:xfrm>
            <a:off x="9297709" y="4694978"/>
            <a:ext cx="0" cy="448522"/>
          </a:xfrm>
          <a:prstGeom prst="line">
            <a:avLst/>
          </a:prstGeom>
          <a:ln w="9525" cap="flat" cmpd="sng" algn="ctr">
            <a:solidFill>
              <a:srgbClr val="FEBA0A">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9" name="OTLSHAPE_M_0925670458274a9c9e1804720cdea5b8_Connector2"/>
          <p:cNvCxnSpPr/>
          <p:nvPr>
            <p:custDataLst>
              <p:tags r:id="rId44"/>
            </p:custDataLst>
          </p:nvPr>
        </p:nvCxnSpPr>
        <p:spPr>
          <a:xfrm>
            <a:off x="8491918"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8" name="OTLSHAPE_M_0925670458274a9c9e1804720cdea5b8_Connector1"/>
          <p:cNvCxnSpPr/>
          <p:nvPr>
            <p:custDataLst>
              <p:tags r:id="rId45"/>
            </p:custDataLst>
          </p:nvPr>
        </p:nvCxnSpPr>
        <p:spPr>
          <a:xfrm>
            <a:off x="8491918" y="4229735"/>
            <a:ext cx="0" cy="3469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7" name="OTLSHAPE_M_911bc545c3ef48e3bcda32f7b9b7318a_Connector3"/>
          <p:cNvCxnSpPr/>
          <p:nvPr>
            <p:custDataLst>
              <p:tags r:id="rId46"/>
            </p:custDataLst>
          </p:nvPr>
        </p:nvCxnSpPr>
        <p:spPr>
          <a:xfrm>
            <a:off x="8297417" y="4747175"/>
            <a:ext cx="0" cy="396325"/>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6" name="OTLSHAPE_M_911bc545c3ef48e3bcda32f7b9b7318a_Connector2"/>
          <p:cNvCxnSpPr/>
          <p:nvPr>
            <p:custDataLst>
              <p:tags r:id="rId47"/>
            </p:custDataLst>
          </p:nvPr>
        </p:nvCxnSpPr>
        <p:spPr>
          <a:xfrm>
            <a:off x="8297417" y="4281932"/>
            <a:ext cx="0" cy="294725"/>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5" name="OTLSHAPE_M_911bc545c3ef48e3bcda32f7b9b7318a_Connector1"/>
          <p:cNvCxnSpPr/>
          <p:nvPr>
            <p:custDataLst>
              <p:tags r:id="rId48"/>
            </p:custDataLst>
          </p:nvPr>
        </p:nvCxnSpPr>
        <p:spPr>
          <a:xfrm>
            <a:off x="8297417" y="3299248"/>
            <a:ext cx="0" cy="812165"/>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4" name="OTLSHAPE_M_8b5c7992857044eb9508aa7b5bda1ae8_Connector3"/>
          <p:cNvCxnSpPr/>
          <p:nvPr>
            <p:custDataLst>
              <p:tags r:id="rId49"/>
            </p:custDataLst>
          </p:nvPr>
        </p:nvCxnSpPr>
        <p:spPr>
          <a:xfrm>
            <a:off x="8297417" y="4747175"/>
            <a:ext cx="0" cy="396325"/>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3" name="OTLSHAPE_M_8b5c7992857044eb9508aa7b5bda1ae8_Connector2"/>
          <p:cNvCxnSpPr/>
          <p:nvPr>
            <p:custDataLst>
              <p:tags r:id="rId50"/>
            </p:custDataLst>
          </p:nvPr>
        </p:nvCxnSpPr>
        <p:spPr>
          <a:xfrm>
            <a:off x="8297417" y="4281932"/>
            <a:ext cx="0" cy="294725"/>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2" name="OTLSHAPE_M_8b5c7992857044eb9508aa7b5bda1ae8_Connector1"/>
          <p:cNvCxnSpPr/>
          <p:nvPr>
            <p:custDataLst>
              <p:tags r:id="rId51"/>
            </p:custDataLst>
          </p:nvPr>
        </p:nvCxnSpPr>
        <p:spPr>
          <a:xfrm>
            <a:off x="8297417" y="3764491"/>
            <a:ext cx="0" cy="3469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1" name="OTLSHAPE_M_7ace24ce5f9f4ca28142b3ec02b82c86_Connector4"/>
          <p:cNvCxnSpPr/>
          <p:nvPr>
            <p:custDataLst>
              <p:tags r:id="rId52"/>
            </p:custDataLst>
          </p:nvPr>
        </p:nvCxnSpPr>
        <p:spPr>
          <a:xfrm>
            <a:off x="8186273" y="4927600"/>
            <a:ext cx="0" cy="21590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00" name="OTLSHAPE_M_7ace24ce5f9f4ca28142b3ec02b82c86_Connector3"/>
          <p:cNvCxnSpPr/>
          <p:nvPr>
            <p:custDataLst>
              <p:tags r:id="rId53"/>
            </p:custDataLst>
          </p:nvPr>
        </p:nvCxnSpPr>
        <p:spPr>
          <a:xfrm>
            <a:off x="8186273" y="4747175"/>
            <a:ext cx="0" cy="25400"/>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9" name="OTLSHAPE_M_7ace24ce5f9f4ca28142b3ec02b82c86_Connector2"/>
          <p:cNvCxnSpPr/>
          <p:nvPr>
            <p:custDataLst>
              <p:tags r:id="rId54"/>
            </p:custDataLst>
          </p:nvPr>
        </p:nvCxnSpPr>
        <p:spPr>
          <a:xfrm>
            <a:off x="8186273" y="4281932"/>
            <a:ext cx="0" cy="294725"/>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8" name="OTLSHAPE_M_7ace24ce5f9f4ca28142b3ec02b82c86_Connector1"/>
          <p:cNvCxnSpPr/>
          <p:nvPr>
            <p:custDataLst>
              <p:tags r:id="rId55"/>
            </p:custDataLst>
          </p:nvPr>
        </p:nvCxnSpPr>
        <p:spPr>
          <a:xfrm>
            <a:off x="8186273" y="2834005"/>
            <a:ext cx="0" cy="1277408"/>
          </a:xfrm>
          <a:prstGeom prst="line">
            <a:avLst/>
          </a:prstGeom>
          <a:ln w="9525" cap="flat" cmpd="sng" algn="ctr">
            <a:solidFill>
              <a:schemeClr val="dk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7" name="OTLSHAPE_M_d52860757f454ea882ec7d12e05be32f_Connector1"/>
          <p:cNvCxnSpPr/>
          <p:nvPr>
            <p:custDataLst>
              <p:tags r:id="rId56"/>
            </p:custDataLst>
          </p:nvPr>
        </p:nvCxnSpPr>
        <p:spPr>
          <a:xfrm>
            <a:off x="7574983" y="4694978"/>
            <a:ext cx="0" cy="4485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6" name="OTLSHAPE_M_0cb8ed356c334ba38dd321b0c96f0938_Connector2"/>
          <p:cNvCxnSpPr/>
          <p:nvPr>
            <p:custDataLst>
              <p:tags r:id="rId57"/>
            </p:custDataLst>
          </p:nvPr>
        </p:nvCxnSpPr>
        <p:spPr>
          <a:xfrm>
            <a:off x="6741406"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5" name="OTLSHAPE_M_0cb8ed356c334ba38dd321b0c96f0938_Connector1"/>
          <p:cNvCxnSpPr/>
          <p:nvPr>
            <p:custDataLst>
              <p:tags r:id="rId58"/>
            </p:custDataLst>
          </p:nvPr>
        </p:nvCxnSpPr>
        <p:spPr>
          <a:xfrm>
            <a:off x="6741406" y="4229735"/>
            <a:ext cx="0" cy="3469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4" name="OTLSHAPE_M_d39c6f0b4d67403c9d0cf19252fa6138_Connector1"/>
          <p:cNvCxnSpPr/>
          <p:nvPr>
            <p:custDataLst>
              <p:tags r:id="rId59"/>
            </p:custDataLst>
          </p:nvPr>
        </p:nvCxnSpPr>
        <p:spPr>
          <a:xfrm>
            <a:off x="5880044"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3" name="OTLSHAPE_M_c0725ef218ff4778a5c77b3c8ba4c7dd_Connector4"/>
          <p:cNvCxnSpPr/>
          <p:nvPr>
            <p:custDataLst>
              <p:tags r:id="rId60"/>
            </p:custDataLst>
          </p:nvPr>
        </p:nvCxnSpPr>
        <p:spPr>
          <a:xfrm>
            <a:off x="5741114" y="4747175"/>
            <a:ext cx="0" cy="396325"/>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2" name="OTLSHAPE_M_c0725ef218ff4778a5c77b3c8ba4c7dd_Connector3"/>
          <p:cNvCxnSpPr/>
          <p:nvPr>
            <p:custDataLst>
              <p:tags r:id="rId61"/>
            </p:custDataLst>
          </p:nvPr>
        </p:nvCxnSpPr>
        <p:spPr>
          <a:xfrm>
            <a:off x="5741114" y="4462357"/>
            <a:ext cx="0" cy="114300"/>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1" name="OTLSHAPE_M_c0725ef218ff4778a5c77b3c8ba4c7dd_Connector2"/>
          <p:cNvCxnSpPr/>
          <p:nvPr>
            <p:custDataLst>
              <p:tags r:id="rId62"/>
            </p:custDataLst>
          </p:nvPr>
        </p:nvCxnSpPr>
        <p:spPr>
          <a:xfrm>
            <a:off x="5741114" y="4281932"/>
            <a:ext cx="0" cy="25400"/>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90" name="OTLSHAPE_M_c0725ef218ff4778a5c77b3c8ba4c7dd_Connector1"/>
          <p:cNvCxnSpPr/>
          <p:nvPr>
            <p:custDataLst>
              <p:tags r:id="rId63"/>
            </p:custDataLst>
          </p:nvPr>
        </p:nvCxnSpPr>
        <p:spPr>
          <a:xfrm>
            <a:off x="5741114" y="3764491"/>
            <a:ext cx="0" cy="3469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9" name="OTLSHAPE_M_08b795fd4e1e4cc583e57cdf427e20e0_Connector2"/>
          <p:cNvCxnSpPr/>
          <p:nvPr>
            <p:custDataLst>
              <p:tags r:id="rId64"/>
            </p:custDataLst>
          </p:nvPr>
        </p:nvCxnSpPr>
        <p:spPr>
          <a:xfrm>
            <a:off x="5046467"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8" name="OTLSHAPE_M_08b795fd4e1e4cc583e57cdf427e20e0_Connector1"/>
          <p:cNvCxnSpPr/>
          <p:nvPr>
            <p:custDataLst>
              <p:tags r:id="rId65"/>
            </p:custDataLst>
          </p:nvPr>
        </p:nvCxnSpPr>
        <p:spPr>
          <a:xfrm>
            <a:off x="5046467" y="4229735"/>
            <a:ext cx="0" cy="3469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7" name="OTLSHAPE_M_0efee4beb6eb47c9af2101910e69ac99_Connector1"/>
          <p:cNvCxnSpPr/>
          <p:nvPr>
            <p:custDataLst>
              <p:tags r:id="rId66"/>
            </p:custDataLst>
          </p:nvPr>
        </p:nvCxnSpPr>
        <p:spPr>
          <a:xfrm>
            <a:off x="4212890"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6" name="OTLSHAPE_M_020ffa757a48487682895b04c8d9639b_Connector3"/>
          <p:cNvCxnSpPr/>
          <p:nvPr>
            <p:custDataLst>
              <p:tags r:id="rId67"/>
            </p:custDataLst>
          </p:nvPr>
        </p:nvCxnSpPr>
        <p:spPr>
          <a:xfrm>
            <a:off x="4046174" y="4747175"/>
            <a:ext cx="0" cy="39632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5" name="OTLSHAPE_M_020ffa757a48487682895b04c8d9639b_Connector2"/>
          <p:cNvCxnSpPr/>
          <p:nvPr>
            <p:custDataLst>
              <p:tags r:id="rId68"/>
            </p:custDataLst>
          </p:nvPr>
        </p:nvCxnSpPr>
        <p:spPr>
          <a:xfrm>
            <a:off x="4046174" y="4281932"/>
            <a:ext cx="0" cy="294725"/>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4" name="OTLSHAPE_M_020ffa757a48487682895b04c8d9639b_Connector1"/>
          <p:cNvCxnSpPr/>
          <p:nvPr>
            <p:custDataLst>
              <p:tags r:id="rId69"/>
            </p:custDataLst>
          </p:nvPr>
        </p:nvCxnSpPr>
        <p:spPr>
          <a:xfrm>
            <a:off x="4046174" y="3764491"/>
            <a:ext cx="0" cy="346922"/>
          </a:xfrm>
          <a:prstGeom prst="line">
            <a:avLst/>
          </a:prstGeom>
          <a:ln w="9525" cap="flat" cmpd="sng" algn="ctr">
            <a:solidFill>
              <a:schemeClr val="accent2">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3" name="OTLSHAPE_M_1c55b6aca4c2415fa87cc5a7b362b33e_Connector4"/>
          <p:cNvCxnSpPr/>
          <p:nvPr>
            <p:custDataLst>
              <p:tags r:id="rId70"/>
            </p:custDataLst>
          </p:nvPr>
        </p:nvCxnSpPr>
        <p:spPr>
          <a:xfrm>
            <a:off x="3879459" y="4747175"/>
            <a:ext cx="0" cy="396325"/>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2" name="OTLSHAPE_M_1c55b6aca4c2415fa87cc5a7b362b33e_Connector3"/>
          <p:cNvCxnSpPr/>
          <p:nvPr>
            <p:custDataLst>
              <p:tags r:id="rId71"/>
            </p:custDataLst>
          </p:nvPr>
        </p:nvCxnSpPr>
        <p:spPr>
          <a:xfrm>
            <a:off x="3879459" y="4462357"/>
            <a:ext cx="0" cy="114300"/>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1" name="OTLSHAPE_M_1c55b6aca4c2415fa87cc5a7b362b33e_Connector2"/>
          <p:cNvCxnSpPr/>
          <p:nvPr>
            <p:custDataLst>
              <p:tags r:id="rId72"/>
            </p:custDataLst>
          </p:nvPr>
        </p:nvCxnSpPr>
        <p:spPr>
          <a:xfrm>
            <a:off x="3879459" y="4281932"/>
            <a:ext cx="0" cy="25400"/>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80" name="OTLSHAPE_M_1c55b6aca4c2415fa87cc5a7b362b33e_Connector1"/>
          <p:cNvCxnSpPr/>
          <p:nvPr>
            <p:custDataLst>
              <p:tags r:id="rId73"/>
            </p:custDataLst>
          </p:nvPr>
        </p:nvCxnSpPr>
        <p:spPr>
          <a:xfrm>
            <a:off x="3879459" y="3299248"/>
            <a:ext cx="0" cy="812165"/>
          </a:xfrm>
          <a:prstGeom prst="line">
            <a:avLst/>
          </a:prstGeom>
          <a:ln w="9525" cap="flat" cmpd="sng" algn="ctr">
            <a:solidFill>
              <a:srgbClr val="737373">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9" name="OTLSHAPE_M_336aee9a40004820ab80532e6be4b649_Connector2"/>
          <p:cNvCxnSpPr/>
          <p:nvPr>
            <p:custDataLst>
              <p:tags r:id="rId74"/>
            </p:custDataLst>
          </p:nvPr>
        </p:nvCxnSpPr>
        <p:spPr>
          <a:xfrm>
            <a:off x="3434885"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8" name="OTLSHAPE_M_336aee9a40004820ab80532e6be4b649_Connector1"/>
          <p:cNvCxnSpPr/>
          <p:nvPr>
            <p:custDataLst>
              <p:tags r:id="rId75"/>
            </p:custDataLst>
          </p:nvPr>
        </p:nvCxnSpPr>
        <p:spPr>
          <a:xfrm>
            <a:off x="3434885" y="2834005"/>
            <a:ext cx="0" cy="174265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7" name="OTLSHAPE_M_ad334db4bd9849c7bcbe28ec8a1830b6_Connector2"/>
          <p:cNvCxnSpPr/>
          <p:nvPr>
            <p:custDataLst>
              <p:tags r:id="rId76"/>
            </p:custDataLst>
          </p:nvPr>
        </p:nvCxnSpPr>
        <p:spPr>
          <a:xfrm>
            <a:off x="3268169" y="4747175"/>
            <a:ext cx="0" cy="396325"/>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6" name="OTLSHAPE_M_ad334db4bd9849c7bcbe28ec8a1830b6_Connector1"/>
          <p:cNvCxnSpPr/>
          <p:nvPr>
            <p:custDataLst>
              <p:tags r:id="rId77"/>
            </p:custDataLst>
          </p:nvPr>
        </p:nvCxnSpPr>
        <p:spPr>
          <a:xfrm>
            <a:off x="3268169" y="4229735"/>
            <a:ext cx="0" cy="3469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5" name="OTLSHAPE_M_0cb5514b1f9b4207b63bb860737adacc_Connector1"/>
          <p:cNvCxnSpPr/>
          <p:nvPr>
            <p:custDataLst>
              <p:tags r:id="rId78"/>
            </p:custDataLst>
          </p:nvPr>
        </p:nvCxnSpPr>
        <p:spPr>
          <a:xfrm>
            <a:off x="2545736" y="4694978"/>
            <a:ext cx="0" cy="448522"/>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4" name="OTLSHAPE_M_748ba65ccfdf4606be0269bc9fa5aecc_Connector2"/>
          <p:cNvCxnSpPr/>
          <p:nvPr>
            <p:custDataLst>
              <p:tags r:id="rId79"/>
            </p:custDataLst>
          </p:nvPr>
        </p:nvCxnSpPr>
        <p:spPr>
          <a:xfrm>
            <a:off x="1684373" y="4747175"/>
            <a:ext cx="0" cy="39632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3" name="OTLSHAPE_M_748ba65ccfdf4606be0269bc9fa5aecc_Connector1"/>
          <p:cNvCxnSpPr/>
          <p:nvPr>
            <p:custDataLst>
              <p:tags r:id="rId80"/>
            </p:custDataLst>
          </p:nvPr>
        </p:nvCxnSpPr>
        <p:spPr>
          <a:xfrm>
            <a:off x="1684373" y="3764492"/>
            <a:ext cx="0" cy="812165"/>
          </a:xfrm>
          <a:prstGeom prst="line">
            <a:avLst/>
          </a:prstGeom>
          <a:ln w="9525" cap="flat" cmpd="sng" algn="ctr">
            <a:solidFill>
              <a:schemeClr val="accent4">
                <a:alpha val="4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2" name="OTLSHAPE_M_f63f631da0df4fffb4089ea6453ff21b_Connector1"/>
          <p:cNvCxnSpPr/>
          <p:nvPr>
            <p:custDataLst>
              <p:tags r:id="rId81"/>
            </p:custDataLst>
          </p:nvPr>
        </p:nvCxnSpPr>
        <p:spPr>
          <a:xfrm>
            <a:off x="906368" y="4694978"/>
            <a:ext cx="0" cy="448522"/>
          </a:xfrm>
          <a:prstGeom prst="line">
            <a:avLst/>
          </a:prstGeom>
          <a:ln w="9525" cap="flat" cmpd="sng" algn="ctr">
            <a:solidFill>
              <a:srgbClr val="0072BC">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60" name="OTLSHAPE_TB_00000000000000000000000000000000_ElapsedTimeExtension"/>
          <p:cNvSpPr/>
          <p:nvPr>
            <p:custDataLst>
              <p:tags r:id="rId82"/>
            </p:custDataLst>
          </p:nvPr>
        </p:nvSpPr>
        <p:spPr>
          <a:xfrm>
            <a:off x="844465" y="1509183"/>
            <a:ext cx="8267700" cy="3634317"/>
          </a:xfrm>
          <a:prstGeom prst="rect">
            <a:avLst/>
          </a:prstGeom>
          <a:gradFill flip="none" rotWithShape="1">
            <a:gsLst>
              <a:gs pos="100000">
                <a:srgbClr val="FFC000">
                  <a:alpha val="30196"/>
                </a:srgbClr>
              </a:gs>
              <a:gs pos="0">
                <a:srgbClr val="FFC000">
                  <a:alpha val="0"/>
                </a:srgbClr>
              </a:gs>
            </a:gsLst>
            <a:lin ang="5400000" scaled="1"/>
            <a:tileRect/>
          </a:gra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6" name="OTLSHAPE_TB_00000000000000000000000000000000_LeftEndCaps" hidden="1"/>
          <p:cNvSpPr txBox="1"/>
          <p:nvPr>
            <p:custDataLst>
              <p:tags r:id="rId83"/>
            </p:custDataLst>
          </p:nvPr>
        </p:nvSpPr>
        <p:spPr>
          <a:xfrm>
            <a:off x="254000" y="5194469"/>
            <a:ext cx="469900" cy="279061"/>
          </a:xfrm>
          <a:prstGeom prst="rect">
            <a:avLst/>
          </a:prstGeom>
          <a:noFill/>
        </p:spPr>
        <p:txBody>
          <a:bodyPr vert="horz" wrap="none" lIns="0" tIns="0" rIns="0" bIns="0" rtlCol="0" anchor="ctr" anchorCtr="0">
            <a:spAutoFit/>
          </a:bodyPr>
          <a:lstStyle/>
          <a:p>
            <a:pPr algn="ctr"/>
            <a:r>
              <a:rPr lang="en-US" b="1">
                <a:solidFill>
                  <a:srgbClr val="C0504D"/>
                </a:solidFill>
                <a:latin typeface="Calibri" panose="020F0502020204030204" pitchFamily="34" charset="0"/>
              </a:rPr>
              <a:t>2016</a:t>
            </a:r>
          </a:p>
        </p:txBody>
      </p:sp>
      <p:sp>
        <p:nvSpPr>
          <p:cNvPr id="657" name="OTLSHAPE_TB_00000000000000000000000000000000_RightEndCaps"/>
          <p:cNvSpPr txBox="1"/>
          <p:nvPr>
            <p:custDataLst>
              <p:tags r:id="rId84"/>
            </p:custDataLst>
          </p:nvPr>
        </p:nvSpPr>
        <p:spPr>
          <a:xfrm>
            <a:off x="11474534" y="5194469"/>
            <a:ext cx="451662" cy="279061"/>
          </a:xfrm>
          <a:prstGeom prst="rect">
            <a:avLst/>
          </a:prstGeom>
          <a:noFill/>
        </p:spPr>
        <p:txBody>
          <a:bodyPr vert="horz" wrap="none" lIns="0" tIns="0" rIns="0" bIns="0" rtlCol="0" anchor="ctr" anchorCtr="0">
            <a:spAutoFit/>
          </a:bodyPr>
          <a:lstStyle/>
          <a:p>
            <a:pPr algn="ctr"/>
            <a:r>
              <a:rPr lang="en-US" b="1" spc="-38">
                <a:solidFill>
                  <a:srgbClr val="C0504D"/>
                </a:solidFill>
                <a:latin typeface="Calibri" panose="020F0502020204030204" pitchFamily="34" charset="0"/>
              </a:rPr>
              <a:t>2017</a:t>
            </a:r>
          </a:p>
        </p:txBody>
      </p:sp>
      <p:sp>
        <p:nvSpPr>
          <p:cNvPr id="658" name="OTLSHAPE_TB_00000000000000000000000000000000_ScaleContainer"/>
          <p:cNvSpPr/>
          <p:nvPr>
            <p:custDataLst>
              <p:tags r:id="rId85"/>
            </p:custDataLst>
          </p:nvPr>
        </p:nvSpPr>
        <p:spPr>
          <a:xfrm>
            <a:off x="844465" y="5143500"/>
            <a:ext cx="1051560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59" name="OTLSHAPE_TB_00000000000000000000000000000000_ElapsedTime"/>
          <p:cNvSpPr/>
          <p:nvPr>
            <p:custDataLst>
              <p:tags r:id="rId86"/>
            </p:custDataLst>
          </p:nvPr>
        </p:nvSpPr>
        <p:spPr>
          <a:xfrm>
            <a:off x="844465" y="5143500"/>
            <a:ext cx="8267700" cy="381000"/>
          </a:xfrm>
          <a:prstGeom prst="rect">
            <a:avLst/>
          </a:prstGeom>
          <a:solidFill>
            <a:schemeClr val="accent4">
              <a:alpha val="30196"/>
            </a:schemeClr>
          </a:solidFill>
          <a:ln w="12700" cap="flat" cmpd="sng" algn="ctr">
            <a:noFill/>
            <a:prstDash val="solid"/>
            <a:miter lim="800000"/>
          </a:ln>
          <a:effectLst/>
          <a:scene3d>
            <a:camera prst="orthographicFront"/>
            <a:lightRig rig="threePt" dir="t">
              <a:rot lat="0" lon="0" rev="0"/>
            </a:lightRig>
          </a:scene3d>
          <a:sp3d>
            <a:bevelT w="12700" h="139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1" name="OTLSHAPE_TB_00000000000000000000000000000000_TodayMarkerShape"/>
          <p:cNvSpPr/>
          <p:nvPr>
            <p:custDataLst>
              <p:tags r:id="rId87"/>
            </p:custDataLst>
          </p:nvPr>
        </p:nvSpPr>
        <p:spPr>
          <a:xfrm>
            <a:off x="9056550" y="5524500"/>
            <a:ext cx="114300" cy="1270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62" name="OTLSHAPE_TB_00000000000000000000000000000000_TodayMarkerText"/>
          <p:cNvSpPr txBox="1"/>
          <p:nvPr>
            <p:custDataLst>
              <p:tags r:id="rId88"/>
            </p:custDataLst>
          </p:nvPr>
        </p:nvSpPr>
        <p:spPr>
          <a:xfrm>
            <a:off x="8930849" y="5651500"/>
            <a:ext cx="368300" cy="186055"/>
          </a:xfrm>
          <a:prstGeom prst="rect">
            <a:avLst/>
          </a:prstGeom>
          <a:noFill/>
        </p:spPr>
        <p:txBody>
          <a:bodyPr vert="horz" wrap="none" lIns="0" tIns="0" rIns="0" bIns="0" rtlCol="0" anchor="ctr" anchorCtr="0">
            <a:spAutoFit/>
          </a:bodyPr>
          <a:lstStyle/>
          <a:p>
            <a:pPr algn="ctr"/>
            <a:r>
              <a:rPr lang="en-US" sz="1200" spc="-12">
                <a:solidFill>
                  <a:schemeClr val="dk1"/>
                </a:solidFill>
                <a:latin typeface="Calibri" panose="020F0502020204030204" pitchFamily="34" charset="0"/>
              </a:rPr>
              <a:t>Today</a:t>
            </a:r>
          </a:p>
        </p:txBody>
      </p:sp>
      <p:sp>
        <p:nvSpPr>
          <p:cNvPr id="663" name="OTLSHAPE_TB_00000000000000000000000000000000_TimescaleInterval1"/>
          <p:cNvSpPr txBox="1"/>
          <p:nvPr>
            <p:custDataLst>
              <p:tags r:id="rId89"/>
            </p:custDataLst>
          </p:nvPr>
        </p:nvSpPr>
        <p:spPr>
          <a:xfrm>
            <a:off x="907965" y="5240972"/>
            <a:ext cx="469900" cy="186055"/>
          </a:xfrm>
          <a:prstGeom prst="rect">
            <a:avLst/>
          </a:prstGeom>
          <a:noFill/>
        </p:spPr>
        <p:txBody>
          <a:bodyPr vert="horz" wrap="none" lIns="0" tIns="0" rIns="0" bIns="0" rtlCol="0" anchor="ctr" anchorCtr="0">
            <a:noAutofit/>
          </a:bodyPr>
          <a:lstStyle/>
          <a:p>
            <a:r>
              <a:rPr lang="en-US" sz="1200" spc="-14">
                <a:solidFill>
                  <a:schemeClr val="dk1"/>
                </a:solidFill>
                <a:latin typeface="Calibri" panose="020F0502020204030204" pitchFamily="34" charset="0"/>
              </a:rPr>
              <a:t>Week 1</a:t>
            </a:r>
          </a:p>
        </p:txBody>
      </p:sp>
      <p:sp>
        <p:nvSpPr>
          <p:cNvPr id="664" name="OTLSHAPE_TB_00000000000000000000000000000000_TimescaleInterval2"/>
          <p:cNvSpPr txBox="1"/>
          <p:nvPr>
            <p:custDataLst>
              <p:tags r:id="rId90"/>
            </p:custDataLst>
          </p:nvPr>
        </p:nvSpPr>
        <p:spPr>
          <a:xfrm>
            <a:off x="2074973" y="5240972"/>
            <a:ext cx="75470"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7</a:t>
            </a:r>
          </a:p>
        </p:txBody>
      </p:sp>
      <p:sp>
        <p:nvSpPr>
          <p:cNvPr id="665" name="OTLSHAPE_TB_00000000000000000000000000000000_TimescaleInterval3"/>
          <p:cNvSpPr txBox="1"/>
          <p:nvPr>
            <p:custDataLst>
              <p:tags r:id="rId91"/>
            </p:custDataLst>
          </p:nvPr>
        </p:nvSpPr>
        <p:spPr>
          <a:xfrm>
            <a:off x="3241981"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13</a:t>
            </a:r>
          </a:p>
        </p:txBody>
      </p:sp>
      <p:sp>
        <p:nvSpPr>
          <p:cNvPr id="666" name="OTLSHAPE_TB_00000000000000000000000000000000_TimescaleInterval4"/>
          <p:cNvSpPr txBox="1"/>
          <p:nvPr>
            <p:custDataLst>
              <p:tags r:id="rId92"/>
            </p:custDataLst>
          </p:nvPr>
        </p:nvSpPr>
        <p:spPr>
          <a:xfrm>
            <a:off x="4408989"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19</a:t>
            </a:r>
          </a:p>
        </p:txBody>
      </p:sp>
      <p:sp>
        <p:nvSpPr>
          <p:cNvPr id="667" name="OTLSHAPE_TB_00000000000000000000000000000000_TimescaleInterval5"/>
          <p:cNvSpPr txBox="1"/>
          <p:nvPr>
            <p:custDataLst>
              <p:tags r:id="rId93"/>
            </p:custDataLst>
          </p:nvPr>
        </p:nvSpPr>
        <p:spPr>
          <a:xfrm>
            <a:off x="5575996"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25</a:t>
            </a:r>
          </a:p>
        </p:txBody>
      </p:sp>
      <p:sp>
        <p:nvSpPr>
          <p:cNvPr id="668" name="OTLSHAPE_TB_00000000000000000000000000000000_TimescaleInterval6"/>
          <p:cNvSpPr txBox="1"/>
          <p:nvPr>
            <p:custDataLst>
              <p:tags r:id="rId94"/>
            </p:custDataLst>
          </p:nvPr>
        </p:nvSpPr>
        <p:spPr>
          <a:xfrm>
            <a:off x="6743004"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1</a:t>
            </a:r>
          </a:p>
        </p:txBody>
      </p:sp>
      <p:sp>
        <p:nvSpPr>
          <p:cNvPr id="669" name="OTLSHAPE_TB_00000000000000000000000000000000_TimescaleInterval7"/>
          <p:cNvSpPr txBox="1"/>
          <p:nvPr>
            <p:custDataLst>
              <p:tags r:id="rId95"/>
            </p:custDataLst>
          </p:nvPr>
        </p:nvSpPr>
        <p:spPr>
          <a:xfrm>
            <a:off x="7910012"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37</a:t>
            </a:r>
          </a:p>
        </p:txBody>
      </p:sp>
      <p:sp>
        <p:nvSpPr>
          <p:cNvPr id="670" name="OTLSHAPE_TB_00000000000000000000000000000000_TimescaleInterval8"/>
          <p:cNvSpPr txBox="1"/>
          <p:nvPr>
            <p:custDataLst>
              <p:tags r:id="rId96"/>
            </p:custDataLst>
          </p:nvPr>
        </p:nvSpPr>
        <p:spPr>
          <a:xfrm>
            <a:off x="9077020"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3</a:t>
            </a:r>
          </a:p>
        </p:txBody>
      </p:sp>
      <p:sp>
        <p:nvSpPr>
          <p:cNvPr id="671" name="OTLSHAPE_TB_00000000000000000000000000000000_TimescaleInterval9"/>
          <p:cNvSpPr txBox="1"/>
          <p:nvPr>
            <p:custDataLst>
              <p:tags r:id="rId97"/>
            </p:custDataLst>
          </p:nvPr>
        </p:nvSpPr>
        <p:spPr>
          <a:xfrm>
            <a:off x="10244027" y="5240972"/>
            <a:ext cx="150939" cy="186055"/>
          </a:xfrm>
          <a:prstGeom prst="rect">
            <a:avLst/>
          </a:prstGeom>
          <a:noFill/>
        </p:spPr>
        <p:txBody>
          <a:bodyPr vert="horz" wrap="none" lIns="0" tIns="0" rIns="0" bIns="0" rtlCol="0" anchor="ctr" anchorCtr="0">
            <a:noAutofit/>
          </a:bodyPr>
          <a:lstStyle/>
          <a:p>
            <a:r>
              <a:rPr lang="en-US" sz="1200" spc="-26">
                <a:solidFill>
                  <a:schemeClr val="dk1"/>
                </a:solidFill>
                <a:latin typeface="Calibri" panose="020F0502020204030204" pitchFamily="34" charset="0"/>
              </a:rPr>
              <a:t>49</a:t>
            </a:r>
          </a:p>
        </p:txBody>
      </p:sp>
      <p:sp>
        <p:nvSpPr>
          <p:cNvPr id="752" name="OTLSHAPE_M_f63f631da0df4fffb4089ea6453ff21b_Title"/>
          <p:cNvSpPr txBox="1"/>
          <p:nvPr>
            <p:custDataLst>
              <p:tags r:id="rId98"/>
            </p:custDataLst>
          </p:nvPr>
        </p:nvSpPr>
        <p:spPr>
          <a:xfrm>
            <a:off x="1128618" y="4576657"/>
            <a:ext cx="12954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Annual report (USAID)</a:t>
            </a:r>
          </a:p>
        </p:txBody>
      </p:sp>
      <p:sp>
        <p:nvSpPr>
          <p:cNvPr id="753" name="OTLSHAPE_M_f63f631da0df4fffb4089ea6453ff21b_Date"/>
          <p:cNvSpPr txBox="1"/>
          <p:nvPr>
            <p:custDataLst>
              <p:tags r:id="rId99"/>
            </p:custDataLst>
          </p:nvPr>
        </p:nvSpPr>
        <p:spPr>
          <a:xfrm>
            <a:off x="1128618"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7/2016</a:t>
            </a:r>
          </a:p>
        </p:txBody>
      </p:sp>
      <p:sp>
        <p:nvSpPr>
          <p:cNvPr id="754" name="OTLSHAPE_M_f63f631da0df4fffb4089ea6453ff21b_Shape"/>
          <p:cNvSpPr/>
          <p:nvPr>
            <p:custDataLst>
              <p:tags r:id="rId100"/>
            </p:custDataLst>
          </p:nvPr>
        </p:nvSpPr>
        <p:spPr>
          <a:xfrm rot="16200000">
            <a:off x="931768" y="4694978"/>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5" name="OTLSHAPE_M_748ba65ccfdf4606be0269bc9fa5aecc_Title"/>
          <p:cNvSpPr txBox="1"/>
          <p:nvPr>
            <p:custDataLst>
              <p:tags r:id="rId101"/>
            </p:custDataLst>
          </p:nvPr>
        </p:nvSpPr>
        <p:spPr>
          <a:xfrm>
            <a:off x="1906623" y="3646170"/>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56" name="OTLSHAPE_M_748ba65ccfdf4606be0269bc9fa5aecc_Date"/>
          <p:cNvSpPr txBox="1"/>
          <p:nvPr>
            <p:custDataLst>
              <p:tags r:id="rId102"/>
            </p:custDataLst>
          </p:nvPr>
        </p:nvSpPr>
        <p:spPr>
          <a:xfrm>
            <a:off x="1906623" y="3842089"/>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2/5/2016</a:t>
            </a:r>
          </a:p>
        </p:txBody>
      </p:sp>
      <p:sp>
        <p:nvSpPr>
          <p:cNvPr id="757" name="OTLSHAPE_M_748ba65ccfdf4606be0269bc9fa5aecc_Shape"/>
          <p:cNvSpPr/>
          <p:nvPr>
            <p:custDataLst>
              <p:tags r:id="rId103"/>
            </p:custDataLst>
          </p:nvPr>
        </p:nvSpPr>
        <p:spPr>
          <a:xfrm rot="16200000">
            <a:off x="1709773" y="3764492"/>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58" name="OTLSHAPE_M_0cb5514b1f9b4207b63bb860737adacc_Title"/>
          <p:cNvSpPr txBox="1"/>
          <p:nvPr>
            <p:custDataLst>
              <p:tags r:id="rId104"/>
            </p:custDataLst>
          </p:nvPr>
        </p:nvSpPr>
        <p:spPr>
          <a:xfrm>
            <a:off x="2767986" y="4576657"/>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59" name="OTLSHAPE_M_0cb5514b1f9b4207b63bb860737adacc_Date"/>
          <p:cNvSpPr txBox="1"/>
          <p:nvPr>
            <p:custDataLst>
              <p:tags r:id="rId105"/>
            </p:custDataLst>
          </p:nvPr>
        </p:nvSpPr>
        <p:spPr>
          <a:xfrm>
            <a:off x="2767986" y="47725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5/2017</a:t>
            </a:r>
          </a:p>
        </p:txBody>
      </p:sp>
      <p:sp>
        <p:nvSpPr>
          <p:cNvPr id="760" name="OTLSHAPE_M_0cb5514b1f9b4207b63bb860737adacc_Shape"/>
          <p:cNvSpPr/>
          <p:nvPr>
            <p:custDataLst>
              <p:tags r:id="rId106"/>
            </p:custDataLst>
          </p:nvPr>
        </p:nvSpPr>
        <p:spPr>
          <a:xfrm rot="16200000">
            <a:off x="2571136" y="4694978"/>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1" name="OTLSHAPE_M_ad334db4bd9849c7bcbe28ec8a1830b6_Title"/>
          <p:cNvSpPr txBox="1"/>
          <p:nvPr>
            <p:custDataLst>
              <p:tags r:id="rId107"/>
            </p:custDataLst>
          </p:nvPr>
        </p:nvSpPr>
        <p:spPr>
          <a:xfrm>
            <a:off x="3490419" y="4111413"/>
            <a:ext cx="1409700" cy="170519"/>
          </a:xfrm>
          <a:prstGeom prst="rect">
            <a:avLst/>
          </a:prstGeom>
          <a:noFill/>
        </p:spPr>
        <p:txBody>
          <a:bodyPr vert="horz" wrap="square" lIns="0" tIns="0" rIns="0" bIns="0" rtlCol="0" anchor="ctr" anchorCtr="0">
            <a:spAutoFit/>
          </a:bodyPr>
          <a:lstStyle/>
          <a:p>
            <a:r>
              <a:rPr lang="en-US" sz="1100" b="1" spc="-2" dirty="0" err="1">
                <a:solidFill>
                  <a:schemeClr val="dk1"/>
                </a:solidFill>
                <a:latin typeface="Calibri" panose="020F0502020204030204" pitchFamily="34" charset="0"/>
              </a:rPr>
              <a:t>Quartery</a:t>
            </a:r>
            <a:r>
              <a:rPr lang="en-US" sz="1100" b="1" spc="-2" dirty="0">
                <a:solidFill>
                  <a:schemeClr val="dk1"/>
                </a:solidFill>
                <a:latin typeface="Calibri" panose="020F0502020204030204" pitchFamily="34" charset="0"/>
              </a:rPr>
              <a:t> report (USAID)</a:t>
            </a:r>
          </a:p>
        </p:txBody>
      </p:sp>
      <p:sp>
        <p:nvSpPr>
          <p:cNvPr id="762" name="OTLSHAPE_M_ad334db4bd9849c7bcbe28ec8a1830b6_Date"/>
          <p:cNvSpPr txBox="1"/>
          <p:nvPr>
            <p:custDataLst>
              <p:tags r:id="rId108"/>
            </p:custDataLst>
          </p:nvPr>
        </p:nvSpPr>
        <p:spPr>
          <a:xfrm>
            <a:off x="3490419" y="4307332"/>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31/2017</a:t>
            </a:r>
          </a:p>
        </p:txBody>
      </p:sp>
      <p:sp>
        <p:nvSpPr>
          <p:cNvPr id="763" name="OTLSHAPE_M_ad334db4bd9849c7bcbe28ec8a1830b6_Shape"/>
          <p:cNvSpPr/>
          <p:nvPr>
            <p:custDataLst>
              <p:tags r:id="rId109"/>
            </p:custDataLst>
          </p:nvPr>
        </p:nvSpPr>
        <p:spPr>
          <a:xfrm rot="16200000">
            <a:off x="3293569" y="4229735"/>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4" name="OTLSHAPE_M_336aee9a40004820ab80532e6be4b649_Title"/>
          <p:cNvSpPr txBox="1"/>
          <p:nvPr>
            <p:custDataLst>
              <p:tags r:id="rId110"/>
            </p:custDataLst>
          </p:nvPr>
        </p:nvSpPr>
        <p:spPr>
          <a:xfrm>
            <a:off x="3657135" y="2715683"/>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65" name="OTLSHAPE_M_336aee9a40004820ab80532e6be4b649_Date"/>
          <p:cNvSpPr txBox="1"/>
          <p:nvPr>
            <p:custDataLst>
              <p:tags r:id="rId111"/>
            </p:custDataLst>
          </p:nvPr>
        </p:nvSpPr>
        <p:spPr>
          <a:xfrm>
            <a:off x="3657135" y="2911602"/>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6/2017</a:t>
            </a:r>
          </a:p>
        </p:txBody>
      </p:sp>
      <p:sp>
        <p:nvSpPr>
          <p:cNvPr id="766" name="OTLSHAPE_M_336aee9a40004820ab80532e6be4b649_Shape"/>
          <p:cNvSpPr/>
          <p:nvPr>
            <p:custDataLst>
              <p:tags r:id="rId112"/>
            </p:custDataLst>
          </p:nvPr>
        </p:nvSpPr>
        <p:spPr>
          <a:xfrm rot="16200000">
            <a:off x="3460285" y="2834005"/>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7" name="OTLSHAPE_M_1c55b6aca4c2415fa87cc5a7b362b33e_Title"/>
          <p:cNvSpPr txBox="1"/>
          <p:nvPr>
            <p:custDataLst>
              <p:tags r:id="rId113"/>
            </p:custDataLst>
          </p:nvPr>
        </p:nvSpPr>
        <p:spPr>
          <a:xfrm>
            <a:off x="4101709" y="3180927"/>
            <a:ext cx="1739900" cy="170519"/>
          </a:xfrm>
          <a:prstGeom prst="rect">
            <a:avLst/>
          </a:prstGeom>
          <a:noFill/>
        </p:spPr>
        <p:txBody>
          <a:bodyPr vert="horz" wrap="square" lIns="0" tIns="0" rIns="0" bIns="0" rtlCol="0" anchor="ctr" anchorCtr="0">
            <a:spAutoFit/>
          </a:bodyPr>
          <a:lstStyle/>
          <a:p>
            <a:r>
              <a:rPr lang="en-US" sz="1100" b="1" spc="-4">
                <a:solidFill>
                  <a:schemeClr val="dk1"/>
                </a:solidFill>
                <a:latin typeface="Calibri" panose="020F0502020204030204" pitchFamily="34" charset="0"/>
              </a:rPr>
              <a:t>Bi-Annual presentation (GON)</a:t>
            </a:r>
          </a:p>
        </p:txBody>
      </p:sp>
      <p:sp>
        <p:nvSpPr>
          <p:cNvPr id="768" name="OTLSHAPE_M_1c55b6aca4c2415fa87cc5a7b362b33e_Date"/>
          <p:cNvSpPr txBox="1"/>
          <p:nvPr>
            <p:custDataLst>
              <p:tags r:id="rId114"/>
            </p:custDataLst>
          </p:nvPr>
        </p:nvSpPr>
        <p:spPr>
          <a:xfrm>
            <a:off x="4101709" y="337684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22/2017</a:t>
            </a:r>
          </a:p>
        </p:txBody>
      </p:sp>
      <p:sp>
        <p:nvSpPr>
          <p:cNvPr id="769" name="OTLSHAPE_M_1c55b6aca4c2415fa87cc5a7b362b33e_Shape"/>
          <p:cNvSpPr/>
          <p:nvPr>
            <p:custDataLst>
              <p:tags r:id="rId115"/>
            </p:custDataLst>
          </p:nvPr>
        </p:nvSpPr>
        <p:spPr>
          <a:xfrm rot="16200000">
            <a:off x="3904859" y="3299248"/>
            <a:ext cx="165100" cy="165100"/>
          </a:xfrm>
          <a:prstGeom prst="flowChartMerge">
            <a:avLst/>
          </a:prstGeom>
          <a:solidFill>
            <a:srgbClr val="73737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0" name="OTLSHAPE_M_020ffa757a48487682895b04c8d9639b_Title"/>
          <p:cNvSpPr txBox="1"/>
          <p:nvPr>
            <p:custDataLst>
              <p:tags r:id="rId116"/>
            </p:custDataLst>
          </p:nvPr>
        </p:nvSpPr>
        <p:spPr>
          <a:xfrm>
            <a:off x="4268424" y="3646170"/>
            <a:ext cx="1371600" cy="170519"/>
          </a:xfrm>
          <a:prstGeom prst="rect">
            <a:avLst/>
          </a:prstGeom>
          <a:noFill/>
        </p:spPr>
        <p:txBody>
          <a:bodyPr vert="horz" wrap="square" lIns="0" tIns="0" rIns="0" bIns="0" rtlCol="0" anchor="ctr" anchorCtr="0">
            <a:spAutoFit/>
          </a:bodyPr>
          <a:lstStyle/>
          <a:p>
            <a:r>
              <a:rPr lang="en-US" sz="1100" b="1" spc="-2" dirty="0">
                <a:solidFill>
                  <a:schemeClr val="dk1"/>
                </a:solidFill>
                <a:latin typeface="Calibri" panose="020F0502020204030204" pitchFamily="34" charset="0"/>
              </a:rPr>
              <a:t>Bi-Annual report (GON)</a:t>
            </a:r>
          </a:p>
        </p:txBody>
      </p:sp>
      <p:sp>
        <p:nvSpPr>
          <p:cNvPr id="771" name="OTLSHAPE_M_020ffa757a48487682895b04c8d9639b_Date"/>
          <p:cNvSpPr txBox="1"/>
          <p:nvPr>
            <p:custDataLst>
              <p:tags r:id="rId117"/>
            </p:custDataLst>
          </p:nvPr>
        </p:nvSpPr>
        <p:spPr>
          <a:xfrm>
            <a:off x="4268424" y="3842089"/>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2/28/2017</a:t>
            </a:r>
          </a:p>
        </p:txBody>
      </p:sp>
      <p:sp>
        <p:nvSpPr>
          <p:cNvPr id="772" name="OTLSHAPE_M_020ffa757a48487682895b04c8d9639b_Shape"/>
          <p:cNvSpPr/>
          <p:nvPr>
            <p:custDataLst>
              <p:tags r:id="rId118"/>
            </p:custDataLst>
          </p:nvPr>
        </p:nvSpPr>
        <p:spPr>
          <a:xfrm rot="16200000">
            <a:off x="4071574" y="3764492"/>
            <a:ext cx="165100" cy="165100"/>
          </a:xfrm>
          <a:prstGeom prst="flowChartMerge">
            <a:avLst/>
          </a:prstGeom>
          <a:solidFill>
            <a:schemeClr val="accen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3" name="OTLSHAPE_M_0efee4beb6eb47c9af2101910e69ac99_Title"/>
          <p:cNvSpPr txBox="1"/>
          <p:nvPr>
            <p:custDataLst>
              <p:tags r:id="rId119"/>
            </p:custDataLst>
          </p:nvPr>
        </p:nvSpPr>
        <p:spPr>
          <a:xfrm>
            <a:off x="4435140" y="4576657"/>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74" name="OTLSHAPE_M_0efee4beb6eb47c9af2101910e69ac99_Date"/>
          <p:cNvSpPr txBox="1"/>
          <p:nvPr>
            <p:custDataLst>
              <p:tags r:id="rId120"/>
            </p:custDataLst>
          </p:nvPr>
        </p:nvSpPr>
        <p:spPr>
          <a:xfrm>
            <a:off x="4435140" y="47725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3/6/2017</a:t>
            </a:r>
          </a:p>
        </p:txBody>
      </p:sp>
      <p:sp>
        <p:nvSpPr>
          <p:cNvPr id="775" name="OTLSHAPE_M_0efee4beb6eb47c9af2101910e69ac99_Shape"/>
          <p:cNvSpPr/>
          <p:nvPr>
            <p:custDataLst>
              <p:tags r:id="rId121"/>
            </p:custDataLst>
          </p:nvPr>
        </p:nvSpPr>
        <p:spPr>
          <a:xfrm rot="16200000">
            <a:off x="4238290" y="4694978"/>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6" name="OTLSHAPE_M_08b795fd4e1e4cc583e57cdf427e20e0_Title"/>
          <p:cNvSpPr txBox="1"/>
          <p:nvPr>
            <p:custDataLst>
              <p:tags r:id="rId122"/>
            </p:custDataLst>
          </p:nvPr>
        </p:nvSpPr>
        <p:spPr>
          <a:xfrm>
            <a:off x="5268717" y="4111413"/>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77" name="OTLSHAPE_M_08b795fd4e1e4cc583e57cdf427e20e0_Date"/>
          <p:cNvSpPr txBox="1"/>
          <p:nvPr>
            <p:custDataLst>
              <p:tags r:id="rId123"/>
            </p:custDataLst>
          </p:nvPr>
        </p:nvSpPr>
        <p:spPr>
          <a:xfrm>
            <a:off x="5268717" y="4307332"/>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4/5/2017</a:t>
            </a:r>
          </a:p>
        </p:txBody>
      </p:sp>
      <p:sp>
        <p:nvSpPr>
          <p:cNvPr id="778" name="OTLSHAPE_M_08b795fd4e1e4cc583e57cdf427e20e0_Shape"/>
          <p:cNvSpPr/>
          <p:nvPr>
            <p:custDataLst>
              <p:tags r:id="rId124"/>
            </p:custDataLst>
          </p:nvPr>
        </p:nvSpPr>
        <p:spPr>
          <a:xfrm rot="16200000">
            <a:off x="5071867" y="4229735"/>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9" name="OTLSHAPE_M_c0725ef218ff4778a5c77b3c8ba4c7dd_Title"/>
          <p:cNvSpPr txBox="1"/>
          <p:nvPr>
            <p:custDataLst>
              <p:tags r:id="rId125"/>
            </p:custDataLst>
          </p:nvPr>
        </p:nvSpPr>
        <p:spPr>
          <a:xfrm>
            <a:off x="5963364" y="3646170"/>
            <a:ext cx="14097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Quartery report (USAID)</a:t>
            </a:r>
          </a:p>
        </p:txBody>
      </p:sp>
      <p:sp>
        <p:nvSpPr>
          <p:cNvPr id="780" name="OTLSHAPE_M_c0725ef218ff4778a5c77b3c8ba4c7dd_Date"/>
          <p:cNvSpPr txBox="1"/>
          <p:nvPr>
            <p:custDataLst>
              <p:tags r:id="rId126"/>
            </p:custDataLst>
          </p:nvPr>
        </p:nvSpPr>
        <p:spPr>
          <a:xfrm>
            <a:off x="5963364" y="3842089"/>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4/30/2017</a:t>
            </a:r>
          </a:p>
        </p:txBody>
      </p:sp>
      <p:sp>
        <p:nvSpPr>
          <p:cNvPr id="781" name="OTLSHAPE_M_c0725ef218ff4778a5c77b3c8ba4c7dd_Shape"/>
          <p:cNvSpPr/>
          <p:nvPr>
            <p:custDataLst>
              <p:tags r:id="rId127"/>
            </p:custDataLst>
          </p:nvPr>
        </p:nvSpPr>
        <p:spPr>
          <a:xfrm rot="16200000">
            <a:off x="5766514" y="376449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2" name="OTLSHAPE_M_d39c6f0b4d67403c9d0cf19252fa6138_Title"/>
          <p:cNvSpPr txBox="1"/>
          <p:nvPr>
            <p:custDataLst>
              <p:tags r:id="rId128"/>
            </p:custDataLst>
          </p:nvPr>
        </p:nvSpPr>
        <p:spPr>
          <a:xfrm>
            <a:off x="6102294" y="4576657"/>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83" name="OTLSHAPE_M_d39c6f0b4d67403c9d0cf19252fa6138_Date"/>
          <p:cNvSpPr txBox="1"/>
          <p:nvPr>
            <p:custDataLst>
              <p:tags r:id="rId129"/>
            </p:custDataLst>
          </p:nvPr>
        </p:nvSpPr>
        <p:spPr>
          <a:xfrm>
            <a:off x="6102294" y="47725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5/5/2017</a:t>
            </a:r>
          </a:p>
        </p:txBody>
      </p:sp>
      <p:sp>
        <p:nvSpPr>
          <p:cNvPr id="784" name="OTLSHAPE_M_d39c6f0b4d67403c9d0cf19252fa6138_Shape"/>
          <p:cNvSpPr/>
          <p:nvPr>
            <p:custDataLst>
              <p:tags r:id="rId130"/>
            </p:custDataLst>
          </p:nvPr>
        </p:nvSpPr>
        <p:spPr>
          <a:xfrm rot="16200000">
            <a:off x="5905444" y="4694978"/>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5" name="OTLSHAPE_M_0cb8ed356c334ba38dd321b0c96f0938_Title"/>
          <p:cNvSpPr txBox="1"/>
          <p:nvPr>
            <p:custDataLst>
              <p:tags r:id="rId131"/>
            </p:custDataLst>
          </p:nvPr>
        </p:nvSpPr>
        <p:spPr>
          <a:xfrm>
            <a:off x="6963656" y="4111413"/>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86" name="OTLSHAPE_M_0cb8ed356c334ba38dd321b0c96f0938_Date"/>
          <p:cNvSpPr txBox="1"/>
          <p:nvPr>
            <p:custDataLst>
              <p:tags r:id="rId132"/>
            </p:custDataLst>
          </p:nvPr>
        </p:nvSpPr>
        <p:spPr>
          <a:xfrm>
            <a:off x="6963656" y="4307332"/>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6/5/2017</a:t>
            </a:r>
          </a:p>
        </p:txBody>
      </p:sp>
      <p:sp>
        <p:nvSpPr>
          <p:cNvPr id="787" name="OTLSHAPE_M_0cb8ed356c334ba38dd321b0c96f0938_Shape"/>
          <p:cNvSpPr/>
          <p:nvPr>
            <p:custDataLst>
              <p:tags r:id="rId133"/>
            </p:custDataLst>
          </p:nvPr>
        </p:nvSpPr>
        <p:spPr>
          <a:xfrm rot="16200000">
            <a:off x="6766806" y="4229735"/>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8" name="OTLSHAPE_M_d52860757f454ea882ec7d12e05be32f_Title"/>
          <p:cNvSpPr txBox="1"/>
          <p:nvPr>
            <p:custDataLst>
              <p:tags r:id="rId134"/>
            </p:custDataLst>
          </p:nvPr>
        </p:nvSpPr>
        <p:spPr>
          <a:xfrm>
            <a:off x="7797233" y="4576657"/>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789" name="OTLSHAPE_M_d52860757f454ea882ec7d12e05be32f_Date"/>
          <p:cNvSpPr txBox="1"/>
          <p:nvPr>
            <p:custDataLst>
              <p:tags r:id="rId135"/>
            </p:custDataLst>
          </p:nvPr>
        </p:nvSpPr>
        <p:spPr>
          <a:xfrm>
            <a:off x="7797233" y="47725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7/5/2017</a:t>
            </a:r>
          </a:p>
        </p:txBody>
      </p:sp>
      <p:sp>
        <p:nvSpPr>
          <p:cNvPr id="790" name="OTLSHAPE_M_d52860757f454ea882ec7d12e05be32f_Shape"/>
          <p:cNvSpPr/>
          <p:nvPr>
            <p:custDataLst>
              <p:tags r:id="rId136"/>
            </p:custDataLst>
          </p:nvPr>
        </p:nvSpPr>
        <p:spPr>
          <a:xfrm rot="16200000">
            <a:off x="7600383" y="4694978"/>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1" name="OTLSHAPE_M_7ace24ce5f9f4ca28142b3ec02b82c86_Title"/>
          <p:cNvSpPr txBox="1"/>
          <p:nvPr>
            <p:custDataLst>
              <p:tags r:id="rId137"/>
            </p:custDataLst>
          </p:nvPr>
        </p:nvSpPr>
        <p:spPr>
          <a:xfrm>
            <a:off x="8408523" y="2715683"/>
            <a:ext cx="12192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C NP data requests</a:t>
            </a:r>
          </a:p>
        </p:txBody>
      </p:sp>
      <p:sp>
        <p:nvSpPr>
          <p:cNvPr id="792" name="OTLSHAPE_M_7ace24ce5f9f4ca28142b3ec02b82c86_Date"/>
          <p:cNvSpPr txBox="1"/>
          <p:nvPr>
            <p:custDataLst>
              <p:tags r:id="rId138"/>
            </p:custDataLst>
          </p:nvPr>
        </p:nvSpPr>
        <p:spPr>
          <a:xfrm>
            <a:off x="8408523" y="2911602"/>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7/27/2017</a:t>
            </a:r>
          </a:p>
        </p:txBody>
      </p:sp>
      <p:sp>
        <p:nvSpPr>
          <p:cNvPr id="793" name="OTLSHAPE_M_7ace24ce5f9f4ca28142b3ec02b82c86_Shape"/>
          <p:cNvSpPr/>
          <p:nvPr>
            <p:custDataLst>
              <p:tags r:id="rId139"/>
            </p:custDataLst>
          </p:nvPr>
        </p:nvSpPr>
        <p:spPr>
          <a:xfrm rot="16200000">
            <a:off x="8211673" y="2834005"/>
            <a:ext cx="165100" cy="165100"/>
          </a:xfrm>
          <a:prstGeom prst="flowChartMerge">
            <a:avLst/>
          </a:prstGeom>
          <a:solidFill>
            <a:schemeClr val="dk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4" name="OTLSHAPE_M_8b5c7992857044eb9508aa7b5bda1ae8_Title"/>
          <p:cNvSpPr txBox="1"/>
          <p:nvPr>
            <p:custDataLst>
              <p:tags r:id="rId140"/>
            </p:custDataLst>
          </p:nvPr>
        </p:nvSpPr>
        <p:spPr>
          <a:xfrm>
            <a:off x="8519667" y="3646170"/>
            <a:ext cx="14097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Quartery report (USAID)</a:t>
            </a:r>
          </a:p>
        </p:txBody>
      </p:sp>
      <p:sp>
        <p:nvSpPr>
          <p:cNvPr id="795" name="OTLSHAPE_M_8b5c7992857044eb9508aa7b5bda1ae8_Date"/>
          <p:cNvSpPr txBox="1"/>
          <p:nvPr>
            <p:custDataLst>
              <p:tags r:id="rId141"/>
            </p:custDataLst>
          </p:nvPr>
        </p:nvSpPr>
        <p:spPr>
          <a:xfrm>
            <a:off x="8519667" y="3842089"/>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7/31/2017</a:t>
            </a:r>
          </a:p>
        </p:txBody>
      </p:sp>
      <p:sp>
        <p:nvSpPr>
          <p:cNvPr id="796" name="OTLSHAPE_M_8b5c7992857044eb9508aa7b5bda1ae8_Shape"/>
          <p:cNvSpPr/>
          <p:nvPr>
            <p:custDataLst>
              <p:tags r:id="rId142"/>
            </p:custDataLst>
          </p:nvPr>
        </p:nvSpPr>
        <p:spPr>
          <a:xfrm rot="16200000">
            <a:off x="8322817" y="3764492"/>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7" name="OTLSHAPE_M_911bc545c3ef48e3bcda32f7b9b7318a_Title"/>
          <p:cNvSpPr txBox="1"/>
          <p:nvPr>
            <p:custDataLst>
              <p:tags r:id="rId143"/>
            </p:custDataLst>
          </p:nvPr>
        </p:nvSpPr>
        <p:spPr>
          <a:xfrm>
            <a:off x="8519667" y="3180927"/>
            <a:ext cx="1371600" cy="170519"/>
          </a:xfrm>
          <a:prstGeom prst="rect">
            <a:avLst/>
          </a:prstGeom>
          <a:noFill/>
        </p:spPr>
        <p:txBody>
          <a:bodyPr vert="horz" wrap="square" lIns="0" tIns="0" rIns="0" bIns="0" rtlCol="0" anchor="ctr" anchorCtr="0">
            <a:spAutoFit/>
          </a:bodyPr>
          <a:lstStyle/>
          <a:p>
            <a:r>
              <a:rPr lang="en-US" sz="1100" b="1" spc="-2">
                <a:solidFill>
                  <a:schemeClr val="dk1"/>
                </a:solidFill>
                <a:latin typeface="Calibri" panose="020F0502020204030204" pitchFamily="34" charset="0"/>
              </a:rPr>
              <a:t>Bi-Annual report (GON)</a:t>
            </a:r>
          </a:p>
        </p:txBody>
      </p:sp>
      <p:sp>
        <p:nvSpPr>
          <p:cNvPr id="798" name="OTLSHAPE_M_911bc545c3ef48e3bcda32f7b9b7318a_Date"/>
          <p:cNvSpPr txBox="1"/>
          <p:nvPr>
            <p:custDataLst>
              <p:tags r:id="rId144"/>
            </p:custDataLst>
          </p:nvPr>
        </p:nvSpPr>
        <p:spPr>
          <a:xfrm>
            <a:off x="8519667" y="337684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7/31/2017</a:t>
            </a:r>
          </a:p>
        </p:txBody>
      </p:sp>
      <p:sp>
        <p:nvSpPr>
          <p:cNvPr id="799" name="OTLSHAPE_M_911bc545c3ef48e3bcda32f7b9b7318a_Shape"/>
          <p:cNvSpPr/>
          <p:nvPr>
            <p:custDataLst>
              <p:tags r:id="rId145"/>
            </p:custDataLst>
          </p:nvPr>
        </p:nvSpPr>
        <p:spPr>
          <a:xfrm rot="16200000">
            <a:off x="8322817" y="3299248"/>
            <a:ext cx="165100" cy="165100"/>
          </a:xfrm>
          <a:prstGeom prst="flowChartMerge">
            <a:avLst/>
          </a:prstGeom>
          <a:solidFill>
            <a:srgbClr val="73737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0" name="OTLSHAPE_M_0925670458274a9c9e1804720cdea5b8_Title"/>
          <p:cNvSpPr txBox="1"/>
          <p:nvPr>
            <p:custDataLst>
              <p:tags r:id="rId146"/>
            </p:custDataLst>
          </p:nvPr>
        </p:nvSpPr>
        <p:spPr>
          <a:xfrm>
            <a:off x="8714168" y="4111413"/>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801" name="OTLSHAPE_M_0925670458274a9c9e1804720cdea5b8_Date"/>
          <p:cNvSpPr txBox="1"/>
          <p:nvPr>
            <p:custDataLst>
              <p:tags r:id="rId147"/>
            </p:custDataLst>
          </p:nvPr>
        </p:nvSpPr>
        <p:spPr>
          <a:xfrm>
            <a:off x="8714168" y="4307332"/>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8/7/2017</a:t>
            </a:r>
          </a:p>
        </p:txBody>
      </p:sp>
      <p:sp>
        <p:nvSpPr>
          <p:cNvPr id="802" name="OTLSHAPE_M_0925670458274a9c9e1804720cdea5b8_Shape"/>
          <p:cNvSpPr/>
          <p:nvPr>
            <p:custDataLst>
              <p:tags r:id="rId148"/>
            </p:custDataLst>
          </p:nvPr>
        </p:nvSpPr>
        <p:spPr>
          <a:xfrm rot="16200000">
            <a:off x="8517318" y="4229735"/>
            <a:ext cx="165100" cy="165100"/>
          </a:xfrm>
          <a:prstGeom prst="flowChartMerge">
            <a:avLst/>
          </a:prstGeom>
          <a:solidFill>
            <a:schemeClr val="accent4"/>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3" name="OTLSHAPE_M_0233bfffd3c149cd8b6ed50d4f086718_Title"/>
          <p:cNvSpPr txBox="1"/>
          <p:nvPr>
            <p:custDataLst>
              <p:tags r:id="rId149"/>
            </p:custDataLst>
          </p:nvPr>
        </p:nvSpPr>
        <p:spPr>
          <a:xfrm>
            <a:off x="9519959" y="4576657"/>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804" name="OTLSHAPE_M_0233bfffd3c149cd8b6ed50d4f086718_Date"/>
          <p:cNvSpPr txBox="1"/>
          <p:nvPr>
            <p:custDataLst>
              <p:tags r:id="rId150"/>
            </p:custDataLst>
          </p:nvPr>
        </p:nvSpPr>
        <p:spPr>
          <a:xfrm>
            <a:off x="9519959" y="4772575"/>
            <a:ext cx="4953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9/5/2017</a:t>
            </a:r>
          </a:p>
        </p:txBody>
      </p:sp>
      <p:sp>
        <p:nvSpPr>
          <p:cNvPr id="805" name="OTLSHAPE_M_0233bfffd3c149cd8b6ed50d4f086718_Shape"/>
          <p:cNvSpPr/>
          <p:nvPr>
            <p:custDataLst>
              <p:tags r:id="rId151"/>
            </p:custDataLst>
          </p:nvPr>
        </p:nvSpPr>
        <p:spPr>
          <a:xfrm rot="16200000">
            <a:off x="9323109" y="4694978"/>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6" name="OTLSHAPE_M_89df38f35af64e8096bc1ce40686670a_Title"/>
          <p:cNvSpPr txBox="1"/>
          <p:nvPr>
            <p:custDataLst>
              <p:tags r:id="rId152"/>
            </p:custDataLst>
          </p:nvPr>
        </p:nvSpPr>
        <p:spPr>
          <a:xfrm>
            <a:off x="10353536" y="3134614"/>
            <a:ext cx="1460500" cy="170519"/>
          </a:xfrm>
          <a:prstGeom prst="rect">
            <a:avLst/>
          </a:prstGeom>
          <a:noFill/>
        </p:spPr>
        <p:txBody>
          <a:bodyPr vert="horz" wrap="square" lIns="0" tIns="0" rIns="0" bIns="0" rtlCol="0" anchor="ctr" anchorCtr="0">
            <a:spAutoFit/>
          </a:bodyPr>
          <a:lstStyle/>
          <a:p>
            <a:r>
              <a:rPr lang="en-US" sz="1100" b="1" spc="-6">
                <a:solidFill>
                  <a:schemeClr val="dk1"/>
                </a:solidFill>
                <a:latin typeface="Calibri" panose="020F0502020204030204" pitchFamily="34" charset="0"/>
              </a:rPr>
              <a:t>Monthly reports (PAHAL)</a:t>
            </a:r>
          </a:p>
        </p:txBody>
      </p:sp>
      <p:sp>
        <p:nvSpPr>
          <p:cNvPr id="807" name="OTLSHAPE_M_89df38f35af64e8096bc1ce40686670a_Date"/>
          <p:cNvSpPr txBox="1"/>
          <p:nvPr>
            <p:custDataLst>
              <p:tags r:id="rId153"/>
            </p:custDataLst>
          </p:nvPr>
        </p:nvSpPr>
        <p:spPr>
          <a:xfrm>
            <a:off x="10353536" y="3330533"/>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0/5/2017</a:t>
            </a:r>
          </a:p>
        </p:txBody>
      </p:sp>
      <p:sp>
        <p:nvSpPr>
          <p:cNvPr id="808" name="OTLSHAPE_M_89df38f35af64e8096bc1ce40686670a_Shape"/>
          <p:cNvSpPr/>
          <p:nvPr>
            <p:custDataLst>
              <p:tags r:id="rId154"/>
            </p:custDataLst>
          </p:nvPr>
        </p:nvSpPr>
        <p:spPr>
          <a:xfrm rot="16200000">
            <a:off x="10156686" y="3252936"/>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09" name="OTLSHAPE_M_c8625ac85c624256866cedc84dc60bd3_Title"/>
          <p:cNvSpPr txBox="1"/>
          <p:nvPr>
            <p:custDataLst>
              <p:tags r:id="rId155"/>
            </p:custDataLst>
          </p:nvPr>
        </p:nvSpPr>
        <p:spPr>
          <a:xfrm>
            <a:off x="11242685" y="4406138"/>
            <a:ext cx="850900" cy="341037"/>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Annual report (USAID)</a:t>
            </a:r>
          </a:p>
        </p:txBody>
      </p:sp>
      <p:sp>
        <p:nvSpPr>
          <p:cNvPr id="810" name="OTLSHAPE_M_c8625ac85c624256866cedc84dc60bd3_Date"/>
          <p:cNvSpPr txBox="1"/>
          <p:nvPr>
            <p:custDataLst>
              <p:tags r:id="rId156"/>
            </p:custDataLst>
          </p:nvPr>
        </p:nvSpPr>
        <p:spPr>
          <a:xfrm>
            <a:off x="11242685" y="4772575"/>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6/2017</a:t>
            </a:r>
          </a:p>
        </p:txBody>
      </p:sp>
      <p:sp>
        <p:nvSpPr>
          <p:cNvPr id="811" name="OTLSHAPE_M_c8625ac85c624256866cedc84dc60bd3_Shape"/>
          <p:cNvSpPr/>
          <p:nvPr>
            <p:custDataLst>
              <p:tags r:id="rId157"/>
            </p:custDataLst>
          </p:nvPr>
        </p:nvSpPr>
        <p:spPr>
          <a:xfrm rot="16200000">
            <a:off x="11045835" y="4609719"/>
            <a:ext cx="165100" cy="165100"/>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2" name="OTLSHAPE_M_b70d7fef4abc43ef87dee73322a44222_Title"/>
          <p:cNvSpPr txBox="1"/>
          <p:nvPr>
            <p:custDataLst>
              <p:tags r:id="rId158"/>
            </p:custDataLst>
          </p:nvPr>
        </p:nvSpPr>
        <p:spPr>
          <a:xfrm>
            <a:off x="11242685" y="3599857"/>
            <a:ext cx="533400" cy="511556"/>
          </a:xfrm>
          <a:prstGeom prst="rect">
            <a:avLst/>
          </a:prstGeom>
          <a:noFill/>
        </p:spPr>
        <p:txBody>
          <a:bodyPr vert="horz" wrap="square" lIns="0" tIns="0" rIns="0" bIns="0" rtlCol="0" anchor="ctr" anchorCtr="0">
            <a:spAutoFit/>
          </a:bodyPr>
          <a:lstStyle/>
          <a:p>
            <a:r>
              <a:rPr lang="en-US" sz="1100" b="1">
                <a:solidFill>
                  <a:schemeClr val="dk1"/>
                </a:solidFill>
                <a:latin typeface="Calibri" panose="020F0502020204030204" pitchFamily="34" charset="0"/>
              </a:rPr>
              <a:t>Monthly reports (PAHAL)</a:t>
            </a:r>
          </a:p>
        </p:txBody>
      </p:sp>
      <p:sp>
        <p:nvSpPr>
          <p:cNvPr id="813" name="OTLSHAPE_M_b70d7fef4abc43ef87dee73322a44222_Date"/>
          <p:cNvSpPr txBox="1"/>
          <p:nvPr>
            <p:custDataLst>
              <p:tags r:id="rId159"/>
            </p:custDataLst>
          </p:nvPr>
        </p:nvSpPr>
        <p:spPr>
          <a:xfrm>
            <a:off x="11242685" y="4136813"/>
            <a:ext cx="558800" cy="155025"/>
          </a:xfrm>
          <a:prstGeom prst="rect">
            <a:avLst/>
          </a:prstGeom>
          <a:noFill/>
        </p:spPr>
        <p:txBody>
          <a:bodyPr vert="horz" wrap="square" lIns="0" tIns="0" rIns="0" bIns="0" rtlCol="0" anchor="ctr" anchorCtr="0">
            <a:spAutoFit/>
          </a:bodyPr>
          <a:lstStyle/>
          <a:p>
            <a:r>
              <a:rPr lang="en-US" sz="1000" spc="-8">
                <a:solidFill>
                  <a:srgbClr val="1F497E"/>
                </a:solidFill>
                <a:latin typeface="Calibri" panose="020F0502020204030204" pitchFamily="34" charset="0"/>
              </a:rPr>
              <a:t>11/6/2017</a:t>
            </a:r>
          </a:p>
        </p:txBody>
      </p:sp>
      <p:sp>
        <p:nvSpPr>
          <p:cNvPr id="814" name="OTLSHAPE_M_b70d7fef4abc43ef87dee73322a44222_Shape"/>
          <p:cNvSpPr/>
          <p:nvPr>
            <p:custDataLst>
              <p:tags r:id="rId160"/>
            </p:custDataLst>
          </p:nvPr>
        </p:nvSpPr>
        <p:spPr>
          <a:xfrm rot="16200000">
            <a:off x="11045835" y="3888698"/>
            <a:ext cx="165100" cy="165100"/>
          </a:xfrm>
          <a:prstGeom prst="flowChartMerge">
            <a:avLst/>
          </a:prstGeom>
          <a:solidFill>
            <a:srgbClr val="FEBA0A"/>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5" name="OTLSHAPE_T_5342f51a21f2414cb2d440d704ee1f79_Shape"/>
          <p:cNvSpPr/>
          <p:nvPr>
            <p:custDataLst>
              <p:tags r:id="rId161"/>
            </p:custDataLst>
          </p:nvPr>
        </p:nvSpPr>
        <p:spPr>
          <a:xfrm>
            <a:off x="2928408" y="1509183"/>
            <a:ext cx="3429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6" name="OTLSHAPE_T_5342f51a21f2414cb2d440d704ee1f79_ShapePercentage" hidden="1"/>
          <p:cNvSpPr/>
          <p:nvPr>
            <p:custDataLst>
              <p:tags r:id="rId162"/>
            </p:custDataLst>
          </p:nvPr>
        </p:nvSpPr>
        <p:spPr>
          <a:xfrm>
            <a:off x="2928408" y="150918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17" name="OTLSHAPE_T_5342f51a21f2414cb2d440d704ee1f79_Duration" hidden="1"/>
          <p:cNvSpPr txBox="1"/>
          <p:nvPr>
            <p:custDataLst>
              <p:tags r:id="rId163"/>
            </p:custDataLst>
          </p:nvPr>
        </p:nvSpPr>
        <p:spPr>
          <a:xfrm>
            <a:off x="0" y="1509183"/>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2 days</a:t>
            </a:r>
          </a:p>
        </p:txBody>
      </p:sp>
      <p:sp>
        <p:nvSpPr>
          <p:cNvPr id="818" name="OTLSHAPE_T_5342f51a21f2414cb2d440d704ee1f79_TextPercentage" hidden="1"/>
          <p:cNvSpPr txBox="1"/>
          <p:nvPr>
            <p:custDataLst>
              <p:tags r:id="rId164"/>
            </p:custDataLst>
          </p:nvPr>
        </p:nvSpPr>
        <p:spPr>
          <a:xfrm>
            <a:off x="0" y="1664208"/>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819" name="OTLSHAPE_T_5342f51a21f2414cb2d440d704ee1f79_StartDate" hidden="1"/>
          <p:cNvSpPr txBox="1"/>
          <p:nvPr>
            <p:custDataLst>
              <p:tags r:id="rId165"/>
            </p:custDataLst>
          </p:nvPr>
        </p:nvSpPr>
        <p:spPr>
          <a:xfrm>
            <a:off x="0" y="16642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20" name="OTLSHAPE_T_5342f51a21f2414cb2d440d704ee1f79_EndDate" hidden="1"/>
          <p:cNvSpPr txBox="1"/>
          <p:nvPr>
            <p:custDataLst>
              <p:tags r:id="rId166"/>
            </p:custDataLst>
          </p:nvPr>
        </p:nvSpPr>
        <p:spPr>
          <a:xfrm>
            <a:off x="0" y="16642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21" name="OTLSHAPE_T_5342f51a21f2414cb2d440d704ee1f79_Title"/>
          <p:cNvSpPr txBox="1"/>
          <p:nvPr>
            <p:custDataLst>
              <p:tags r:id="rId167"/>
            </p:custDataLst>
          </p:nvPr>
        </p:nvSpPr>
        <p:spPr>
          <a:xfrm>
            <a:off x="2241761" y="1525524"/>
            <a:ext cx="6477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USAID visit</a:t>
            </a:r>
          </a:p>
        </p:txBody>
      </p:sp>
      <p:sp>
        <p:nvSpPr>
          <p:cNvPr id="822" name="OTLSHAPE_T_5342f51a21f2414cb2d440d704ee1f79_JoinedDate"/>
          <p:cNvSpPr txBox="1"/>
          <p:nvPr>
            <p:custDataLst>
              <p:tags r:id="rId168"/>
            </p:custDataLst>
          </p:nvPr>
        </p:nvSpPr>
        <p:spPr>
          <a:xfrm>
            <a:off x="3312619" y="1533271"/>
            <a:ext cx="12065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1/20/2017 - 1/31/2017</a:t>
            </a:r>
          </a:p>
        </p:txBody>
      </p:sp>
      <p:sp>
        <p:nvSpPr>
          <p:cNvPr id="823" name="OTLSHAPE_T_4c1a14bcbbc447719a41be5a2c7da674_Shape"/>
          <p:cNvSpPr/>
          <p:nvPr>
            <p:custDataLst>
              <p:tags r:id="rId169"/>
            </p:custDataLst>
          </p:nvPr>
        </p:nvSpPr>
        <p:spPr>
          <a:xfrm>
            <a:off x="3428554" y="1775883"/>
            <a:ext cx="1231900" cy="203200"/>
          </a:xfrm>
          <a:prstGeom prst="rect">
            <a:avLst/>
          </a:prstGeom>
          <a:solidFill>
            <a:schemeClr val="accent1"/>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4" name="OTLSHAPE_T_4c1a14bcbbc447719a41be5a2c7da674_ShapePercentage" hidden="1"/>
          <p:cNvSpPr/>
          <p:nvPr>
            <p:custDataLst>
              <p:tags r:id="rId170"/>
            </p:custDataLst>
          </p:nvPr>
        </p:nvSpPr>
        <p:spPr>
          <a:xfrm>
            <a:off x="3428554" y="177588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5" name="OTLSHAPE_T_4c1a14bcbbc447719a41be5a2c7da674_Duration" hidden="1"/>
          <p:cNvSpPr txBox="1"/>
          <p:nvPr>
            <p:custDataLst>
              <p:tags r:id="rId171"/>
            </p:custDataLst>
          </p:nvPr>
        </p:nvSpPr>
        <p:spPr>
          <a:xfrm>
            <a:off x="0" y="1775883"/>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44 days</a:t>
            </a:r>
          </a:p>
        </p:txBody>
      </p:sp>
      <p:sp>
        <p:nvSpPr>
          <p:cNvPr id="826" name="OTLSHAPE_T_4c1a14bcbbc447719a41be5a2c7da674_TextPercentage" hidden="1"/>
          <p:cNvSpPr txBox="1"/>
          <p:nvPr>
            <p:custDataLst>
              <p:tags r:id="rId172"/>
            </p:custDataLst>
          </p:nvPr>
        </p:nvSpPr>
        <p:spPr>
          <a:xfrm>
            <a:off x="0" y="1930908"/>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827" name="OTLSHAPE_T_4c1a14bcbbc447719a41be5a2c7da674_StartDate" hidden="1"/>
          <p:cNvSpPr txBox="1"/>
          <p:nvPr>
            <p:custDataLst>
              <p:tags r:id="rId173"/>
            </p:custDataLst>
          </p:nvPr>
        </p:nvSpPr>
        <p:spPr>
          <a:xfrm>
            <a:off x="0" y="19309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28" name="OTLSHAPE_T_4c1a14bcbbc447719a41be5a2c7da674_EndDate" hidden="1"/>
          <p:cNvSpPr txBox="1"/>
          <p:nvPr>
            <p:custDataLst>
              <p:tags r:id="rId174"/>
            </p:custDataLst>
          </p:nvPr>
        </p:nvSpPr>
        <p:spPr>
          <a:xfrm>
            <a:off x="0" y="19309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29" name="OTLSHAPE_T_4c1a14bcbbc447719a41be5a2c7da674_JoinedDate"/>
          <p:cNvSpPr txBox="1"/>
          <p:nvPr>
            <p:custDataLst>
              <p:tags r:id="rId175"/>
            </p:custDataLst>
          </p:nvPr>
        </p:nvSpPr>
        <p:spPr>
          <a:xfrm>
            <a:off x="4701914" y="1799971"/>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2/7/2017 - 3/22/2017</a:t>
            </a:r>
          </a:p>
        </p:txBody>
      </p:sp>
      <p:sp>
        <p:nvSpPr>
          <p:cNvPr id="830" name="OTLSHAPE_T_4c1a14bcbbc447719a41be5a2c7da674_Title"/>
          <p:cNvSpPr txBox="1"/>
          <p:nvPr>
            <p:custDataLst>
              <p:tags r:id="rId176"/>
            </p:custDataLst>
          </p:nvPr>
        </p:nvSpPr>
        <p:spPr>
          <a:xfrm>
            <a:off x="3707031" y="1792224"/>
            <a:ext cx="6731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USAID DQA</a:t>
            </a:r>
          </a:p>
        </p:txBody>
      </p:sp>
      <p:sp>
        <p:nvSpPr>
          <p:cNvPr id="831" name="OTLSHAPE_T_ba61f5e063484ab79a05216fc94a7805_Shape"/>
          <p:cNvSpPr/>
          <p:nvPr>
            <p:custDataLst>
              <p:tags r:id="rId177"/>
            </p:custDataLst>
          </p:nvPr>
        </p:nvSpPr>
        <p:spPr>
          <a:xfrm>
            <a:off x="8291086" y="2042583"/>
            <a:ext cx="838200" cy="203200"/>
          </a:xfrm>
          <a:prstGeom prst="rect">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2" name="OTLSHAPE_T_ba61f5e063484ab79a05216fc94a7805_ShapePercentage" hidden="1"/>
          <p:cNvSpPr/>
          <p:nvPr>
            <p:custDataLst>
              <p:tags r:id="rId178"/>
            </p:custDataLst>
          </p:nvPr>
        </p:nvSpPr>
        <p:spPr>
          <a:xfrm>
            <a:off x="8291086" y="204258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3" name="OTLSHAPE_T_ba61f5e063484ab79a05216fc94a7805_Duration" hidden="1"/>
          <p:cNvSpPr txBox="1"/>
          <p:nvPr>
            <p:custDataLst>
              <p:tags r:id="rId179"/>
            </p:custDataLst>
          </p:nvPr>
        </p:nvSpPr>
        <p:spPr>
          <a:xfrm>
            <a:off x="0" y="2042583"/>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30 days</a:t>
            </a:r>
          </a:p>
        </p:txBody>
      </p:sp>
      <p:sp>
        <p:nvSpPr>
          <p:cNvPr id="834" name="OTLSHAPE_T_ba61f5e063484ab79a05216fc94a7805_TextPercentage" hidden="1"/>
          <p:cNvSpPr txBox="1"/>
          <p:nvPr>
            <p:custDataLst>
              <p:tags r:id="rId180"/>
            </p:custDataLst>
          </p:nvPr>
        </p:nvSpPr>
        <p:spPr>
          <a:xfrm>
            <a:off x="0" y="2197608"/>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835" name="OTLSHAPE_T_ba61f5e063484ab79a05216fc94a7805_StartDate" hidden="1"/>
          <p:cNvSpPr txBox="1"/>
          <p:nvPr>
            <p:custDataLst>
              <p:tags r:id="rId181"/>
            </p:custDataLst>
          </p:nvPr>
        </p:nvSpPr>
        <p:spPr>
          <a:xfrm>
            <a:off x="0" y="21976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36" name="OTLSHAPE_T_ba61f5e063484ab79a05216fc94a7805_EndDate" hidden="1"/>
          <p:cNvSpPr txBox="1"/>
          <p:nvPr>
            <p:custDataLst>
              <p:tags r:id="rId182"/>
            </p:custDataLst>
          </p:nvPr>
        </p:nvSpPr>
        <p:spPr>
          <a:xfrm>
            <a:off x="0" y="21976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37" name="OTLSHAPE_T_ba61f5e063484ab79a05216fc94a7805_JoinedDate"/>
          <p:cNvSpPr txBox="1"/>
          <p:nvPr>
            <p:custDataLst>
              <p:tags r:id="rId183"/>
            </p:custDataLst>
          </p:nvPr>
        </p:nvSpPr>
        <p:spPr>
          <a:xfrm>
            <a:off x="9175444" y="2066671"/>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8/1/2017 - 8/30/2017</a:t>
            </a:r>
          </a:p>
        </p:txBody>
      </p:sp>
      <p:sp>
        <p:nvSpPr>
          <p:cNvPr id="838" name="OTLSHAPE_T_ba61f5e063484ab79a05216fc94a7805_Title"/>
          <p:cNvSpPr txBox="1"/>
          <p:nvPr>
            <p:custDataLst>
              <p:tags r:id="rId184"/>
            </p:custDataLst>
          </p:nvPr>
        </p:nvSpPr>
        <p:spPr>
          <a:xfrm>
            <a:off x="8375062" y="2058924"/>
            <a:ext cx="673100" cy="170519"/>
          </a:xfrm>
          <a:prstGeom prst="rect">
            <a:avLst/>
          </a:prstGeom>
          <a:noFill/>
        </p:spPr>
        <p:txBody>
          <a:bodyPr vert="horz" wrap="square" lIns="0" tIns="0" rIns="0" bIns="0" rtlCol="0" anchor="ctr" anchorCtr="0">
            <a:spAutoFit/>
          </a:bodyPr>
          <a:lstStyle/>
          <a:p>
            <a:pPr algn="ctr"/>
            <a:r>
              <a:rPr lang="en-US" sz="1100" b="1" spc="-4">
                <a:solidFill>
                  <a:schemeClr val="dk1"/>
                </a:solidFill>
                <a:latin typeface="Calibri" panose="020F0502020204030204" pitchFamily="34" charset="0"/>
              </a:rPr>
              <a:t>USAID DQA</a:t>
            </a:r>
          </a:p>
        </p:txBody>
      </p:sp>
      <p:sp>
        <p:nvSpPr>
          <p:cNvPr id="839" name="OTLSHAPE_T_6409e2951e234fcba9d0a66ab1fcfdbb_Shape"/>
          <p:cNvSpPr/>
          <p:nvPr>
            <p:custDataLst>
              <p:tags r:id="rId185"/>
            </p:custDataLst>
          </p:nvPr>
        </p:nvSpPr>
        <p:spPr>
          <a:xfrm>
            <a:off x="9041305" y="2309283"/>
            <a:ext cx="139700" cy="203200"/>
          </a:xfrm>
          <a:prstGeom prst="rect">
            <a:avLst/>
          </a:prstGeom>
          <a:solidFill>
            <a:schemeClr val="dk2"/>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0" name="OTLSHAPE_T_6409e2951e234fcba9d0a66ab1fcfdbb_ShapePercentage" hidden="1"/>
          <p:cNvSpPr/>
          <p:nvPr>
            <p:custDataLst>
              <p:tags r:id="rId186"/>
            </p:custDataLst>
          </p:nvPr>
        </p:nvSpPr>
        <p:spPr>
          <a:xfrm>
            <a:off x="9041305" y="2309283"/>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41" name="OTLSHAPE_T_6409e2951e234fcba9d0a66ab1fcfdbb_Duration" hidden="1"/>
          <p:cNvSpPr txBox="1"/>
          <p:nvPr>
            <p:custDataLst>
              <p:tags r:id="rId187"/>
            </p:custDataLst>
          </p:nvPr>
        </p:nvSpPr>
        <p:spPr>
          <a:xfrm>
            <a:off x="0" y="2309283"/>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5 days</a:t>
            </a:r>
          </a:p>
        </p:txBody>
      </p:sp>
      <p:sp>
        <p:nvSpPr>
          <p:cNvPr id="842" name="OTLSHAPE_T_6409e2951e234fcba9d0a66ab1fcfdbb_TextPercentage" hidden="1"/>
          <p:cNvSpPr txBox="1"/>
          <p:nvPr>
            <p:custDataLst>
              <p:tags r:id="rId188"/>
            </p:custDataLst>
          </p:nvPr>
        </p:nvSpPr>
        <p:spPr>
          <a:xfrm>
            <a:off x="0" y="2464308"/>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843" name="OTLSHAPE_T_6409e2951e234fcba9d0a66ab1fcfdbb_StartDate" hidden="1"/>
          <p:cNvSpPr txBox="1"/>
          <p:nvPr>
            <p:custDataLst>
              <p:tags r:id="rId189"/>
            </p:custDataLst>
          </p:nvPr>
        </p:nvSpPr>
        <p:spPr>
          <a:xfrm>
            <a:off x="0" y="24643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44" name="OTLSHAPE_T_6409e2951e234fcba9d0a66ab1fcfdbb_EndDate" hidden="1"/>
          <p:cNvSpPr txBox="1"/>
          <p:nvPr>
            <p:custDataLst>
              <p:tags r:id="rId190"/>
            </p:custDataLst>
          </p:nvPr>
        </p:nvSpPr>
        <p:spPr>
          <a:xfrm>
            <a:off x="0" y="2464308"/>
            <a:ext cx="0" cy="153888"/>
          </a:xfrm>
          <a:prstGeom prst="rect">
            <a:avLst/>
          </a:prstGeom>
          <a:noFill/>
        </p:spPr>
        <p:txBody>
          <a:bodyPr vert="horz" wrap="square" lIns="0" tIns="0" rIns="0" bIns="0" rtlCol="0" anchor="ctr" anchorCtr="0">
            <a:spAutoFit/>
          </a:bodyPr>
          <a:lstStyle/>
          <a:p>
            <a:pPr algn="ctr"/>
            <a:endParaRPr lang="en-US" sz="1000">
              <a:solidFill>
                <a:srgbClr val="1F497E"/>
              </a:solidFill>
              <a:latin typeface="Calibri" panose="020F0502020204030204" pitchFamily="34" charset="0"/>
            </a:endParaRPr>
          </a:p>
        </p:txBody>
      </p:sp>
      <p:sp>
        <p:nvSpPr>
          <p:cNvPr id="845" name="OTLSHAPE_T_6409e2951e234fcba9d0a66ab1fcfdbb_Title"/>
          <p:cNvSpPr txBox="1"/>
          <p:nvPr>
            <p:custDataLst>
              <p:tags r:id="rId191"/>
            </p:custDataLst>
          </p:nvPr>
        </p:nvSpPr>
        <p:spPr>
          <a:xfrm>
            <a:off x="8354659" y="2325624"/>
            <a:ext cx="647700" cy="170519"/>
          </a:xfrm>
          <a:prstGeom prst="rect">
            <a:avLst/>
          </a:prstGeom>
          <a:noFill/>
        </p:spPr>
        <p:txBody>
          <a:bodyPr vert="horz" wrap="square" lIns="0" tIns="0" rIns="0" bIns="0" rtlCol="0" anchor="ctr" anchorCtr="0">
            <a:spAutoFit/>
          </a:bodyPr>
          <a:lstStyle/>
          <a:p>
            <a:pPr algn="r"/>
            <a:r>
              <a:rPr lang="en-US" sz="1100" b="1" spc="-6">
                <a:solidFill>
                  <a:schemeClr val="dk1"/>
                </a:solidFill>
                <a:latin typeface="Calibri" panose="020F0502020204030204" pitchFamily="34" charset="0"/>
              </a:rPr>
              <a:t>USAID visit</a:t>
            </a:r>
          </a:p>
        </p:txBody>
      </p:sp>
      <p:sp>
        <p:nvSpPr>
          <p:cNvPr id="846" name="OTLSHAPE_T_6409e2951e234fcba9d0a66ab1fcfdbb_JoinedDate"/>
          <p:cNvSpPr txBox="1"/>
          <p:nvPr>
            <p:custDataLst>
              <p:tags r:id="rId192"/>
            </p:custDataLst>
          </p:nvPr>
        </p:nvSpPr>
        <p:spPr>
          <a:xfrm>
            <a:off x="9231016" y="2333371"/>
            <a:ext cx="1130300" cy="155025"/>
          </a:xfrm>
          <a:prstGeom prst="rect">
            <a:avLst/>
          </a:prstGeom>
          <a:noFill/>
        </p:spPr>
        <p:txBody>
          <a:bodyPr vert="horz" wrap="square" lIns="0" tIns="0" rIns="0" bIns="0" rtlCol="0" anchor="ctr" anchorCtr="0">
            <a:spAutoFit/>
          </a:bodyPr>
          <a:lstStyle/>
          <a:p>
            <a:r>
              <a:rPr lang="en-US" sz="1000" spc="-6">
                <a:solidFill>
                  <a:srgbClr val="1F497E"/>
                </a:solidFill>
                <a:latin typeface="Calibri" panose="020F0502020204030204" pitchFamily="34" charset="0"/>
              </a:rPr>
              <a:t>8/28/2017 - 9/1/2017</a:t>
            </a:r>
          </a:p>
        </p:txBody>
      </p:sp>
      <p:sp>
        <p:nvSpPr>
          <p:cNvPr id="375" name="TextBox 374"/>
          <p:cNvSpPr txBox="1"/>
          <p:nvPr/>
        </p:nvSpPr>
        <p:spPr>
          <a:xfrm>
            <a:off x="1528548" y="532263"/>
            <a:ext cx="10112991" cy="646331"/>
          </a:xfrm>
          <a:prstGeom prst="rect">
            <a:avLst/>
          </a:prstGeom>
          <a:noFill/>
        </p:spPr>
        <p:txBody>
          <a:bodyPr wrap="square" rtlCol="0">
            <a:spAutoFit/>
          </a:bodyPr>
          <a:lstStyle/>
          <a:p>
            <a:r>
              <a:rPr lang="en-US" sz="3600" dirty="0"/>
              <a:t>PAHAL Reporting &amp; Data Sharing Timeline</a:t>
            </a:r>
          </a:p>
        </p:txBody>
      </p:sp>
    </p:spTree>
    <p:custDataLst>
      <p:tags r:id="rId1"/>
    </p:custDataLst>
    <p:extLst>
      <p:ext uri="{BB962C8B-B14F-4D97-AF65-F5344CB8AC3E}">
        <p14:creationId xmlns:p14="http://schemas.microsoft.com/office/powerpoint/2010/main" val="149674587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20727" y="75070"/>
            <a:ext cx="8911687" cy="1280890"/>
          </a:xfrm>
        </p:spPr>
        <p:txBody>
          <a:bodyPr/>
          <a:lstStyle/>
          <a:p>
            <a:r>
              <a:rPr lang="en-US" dirty="0"/>
              <a:t>PAHAL MEL Framework </a:t>
            </a:r>
            <a:br>
              <a:rPr lang="en-US" dirty="0"/>
            </a:br>
            <a:r>
              <a:rPr lang="en-US" dirty="0"/>
              <a:t>&amp; Process Overview</a:t>
            </a:r>
          </a:p>
        </p:txBody>
      </p:sp>
      <p:graphicFrame>
        <p:nvGraphicFramePr>
          <p:cNvPr id="3" name="Diagram 2"/>
          <p:cNvGraphicFramePr/>
          <p:nvPr/>
        </p:nvGraphicFramePr>
        <p:xfrm>
          <a:off x="-568672" y="1296537"/>
          <a:ext cx="6901858" cy="55614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Diagram 4"/>
          <p:cNvGraphicFramePr/>
          <p:nvPr>
            <p:extLst>
              <p:ext uri="{D42A27DB-BD31-4B8C-83A1-F6EECF244321}">
                <p14:modId xmlns:p14="http://schemas.microsoft.com/office/powerpoint/2010/main" val="2781162342"/>
              </p:ext>
            </p:extLst>
          </p:nvPr>
        </p:nvGraphicFramePr>
        <p:xfrm>
          <a:off x="3776374" y="158678"/>
          <a:ext cx="10304061" cy="6540643"/>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307950351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04CFA8-C9E7-457A-B894-A216AEFA3C1C}"/>
              </a:ext>
            </a:extLst>
          </p:cNvPr>
          <p:cNvSpPr>
            <a:spLocks noGrp="1"/>
          </p:cNvSpPr>
          <p:nvPr>
            <p:ph type="title"/>
          </p:nvPr>
        </p:nvSpPr>
        <p:spPr>
          <a:xfrm>
            <a:off x="1640156" y="216984"/>
            <a:ext cx="8911687" cy="1280890"/>
          </a:xfrm>
        </p:spPr>
        <p:txBody>
          <a:bodyPr/>
          <a:lstStyle/>
          <a:p>
            <a:r>
              <a:rPr lang="en-US" dirty="0">
                <a:solidFill>
                  <a:schemeClr val="accent4">
                    <a:lumMod val="50000"/>
                  </a:schemeClr>
                </a:solidFill>
              </a:rPr>
              <a:t>PAHAL Information Sharing</a:t>
            </a:r>
            <a:br>
              <a:rPr lang="en-US" dirty="0">
                <a:solidFill>
                  <a:schemeClr val="accent4">
                    <a:lumMod val="50000"/>
                  </a:schemeClr>
                </a:solidFill>
              </a:rPr>
            </a:br>
            <a:endParaRPr lang="en-US" dirty="0"/>
          </a:p>
        </p:txBody>
      </p:sp>
      <p:graphicFrame>
        <p:nvGraphicFramePr>
          <p:cNvPr id="3" name="Content Placeholder 2">
            <a:extLst>
              <a:ext uri="{FF2B5EF4-FFF2-40B4-BE49-F238E27FC236}">
                <a16:creationId xmlns:a16="http://schemas.microsoft.com/office/drawing/2014/main" id="{EF9233D4-3F96-4D02-9CF0-5E8D5DF3FF1B}"/>
              </a:ext>
            </a:extLst>
          </p:cNvPr>
          <p:cNvGraphicFramePr>
            <a:graphicFrameLocks/>
          </p:cNvGraphicFramePr>
          <p:nvPr>
            <p:extLst/>
          </p:nvPr>
        </p:nvGraphicFramePr>
        <p:xfrm>
          <a:off x="235963" y="1027906"/>
          <a:ext cx="6991688" cy="5624513"/>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9" name="TextBox 8">
            <a:extLst>
              <a:ext uri="{FF2B5EF4-FFF2-40B4-BE49-F238E27FC236}">
                <a16:creationId xmlns:a16="http://schemas.microsoft.com/office/drawing/2014/main" id="{4BFC50FF-75D0-4313-87C3-D6102FE3AAF1}"/>
              </a:ext>
            </a:extLst>
          </p:cNvPr>
          <p:cNvSpPr txBox="1"/>
          <p:nvPr/>
        </p:nvSpPr>
        <p:spPr>
          <a:xfrm>
            <a:off x="4269610" y="1313208"/>
            <a:ext cx="2793842" cy="369332"/>
          </a:xfrm>
          <a:prstGeom prst="rect">
            <a:avLst/>
          </a:prstGeom>
          <a:solidFill>
            <a:schemeClr val="accent2"/>
          </a:solidFill>
        </p:spPr>
        <p:txBody>
          <a:bodyPr wrap="none" rtlCol="0">
            <a:spAutoFit/>
          </a:bodyPr>
          <a:lstStyle/>
          <a:p>
            <a:r>
              <a:rPr lang="en-US" dirty="0"/>
              <a:t>Regional Resilience Director</a:t>
            </a:r>
          </a:p>
        </p:txBody>
      </p:sp>
      <p:cxnSp>
        <p:nvCxnSpPr>
          <p:cNvPr id="11" name="Straight Connector 10">
            <a:extLst>
              <a:ext uri="{FF2B5EF4-FFF2-40B4-BE49-F238E27FC236}">
                <a16:creationId xmlns:a16="http://schemas.microsoft.com/office/drawing/2014/main" id="{920CDAAF-9979-4802-A94D-6288C83771C2}"/>
              </a:ext>
            </a:extLst>
          </p:cNvPr>
          <p:cNvCxnSpPr/>
          <p:nvPr/>
        </p:nvCxnSpPr>
        <p:spPr>
          <a:xfrm flipH="1">
            <a:off x="3352988" y="1497874"/>
            <a:ext cx="2185852" cy="0"/>
          </a:xfrm>
          <a:prstGeom prst="line">
            <a:avLst/>
          </a:prstGeom>
          <a:ln w="9525" cap="flat" cmpd="sng" algn="ctr">
            <a:solidFill>
              <a:schemeClr val="accent2"/>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4" name="TextBox 3"/>
          <p:cNvSpPr txBox="1"/>
          <p:nvPr/>
        </p:nvSpPr>
        <p:spPr>
          <a:xfrm>
            <a:off x="7530158" y="1036209"/>
            <a:ext cx="4250038" cy="5632311"/>
          </a:xfrm>
          <a:prstGeom prst="rect">
            <a:avLst/>
          </a:prstGeom>
          <a:noFill/>
        </p:spPr>
        <p:txBody>
          <a:bodyPr wrap="square" rtlCol="0">
            <a:spAutoFit/>
          </a:bodyPr>
          <a:lstStyle/>
          <a:p>
            <a:pPr marL="285750" indent="-285750">
              <a:buFont typeface="Wingdings" panose="05000000000000000000" pitchFamily="2" charset="2"/>
              <a:buChar char="q"/>
            </a:pPr>
            <a:r>
              <a:rPr lang="en-US" sz="1600" dirty="0"/>
              <a:t>Information and Feedback are shared across and down, and across and up</a:t>
            </a:r>
          </a:p>
          <a:p>
            <a:pPr marL="285750" indent="-285750">
              <a:buFont typeface="Wingdings" panose="05000000000000000000" pitchFamily="2" charset="2"/>
              <a:buChar char="ü"/>
            </a:pPr>
            <a:r>
              <a:rPr lang="en-US" sz="1600" dirty="0"/>
              <a:t>Monthly reports and meetings at each level </a:t>
            </a:r>
          </a:p>
          <a:p>
            <a:pPr marL="742950" lvl="1" indent="-285750">
              <a:buFont typeface="Wingdings" panose="05000000000000000000" pitchFamily="2" charset="2"/>
              <a:buChar char="ü"/>
            </a:pPr>
            <a:r>
              <a:rPr lang="en-US" sz="1600" dirty="0"/>
              <a:t>What activities occurred?</a:t>
            </a:r>
          </a:p>
          <a:p>
            <a:pPr marL="742950" lvl="1" indent="-285750">
              <a:buFont typeface="Wingdings" panose="05000000000000000000" pitchFamily="2" charset="2"/>
              <a:buChar char="ü"/>
            </a:pPr>
            <a:r>
              <a:rPr lang="en-US" sz="1600" dirty="0"/>
              <a:t>Where did activities occur?</a:t>
            </a:r>
          </a:p>
          <a:p>
            <a:pPr marL="742950" lvl="1" indent="-285750">
              <a:buFont typeface="Wingdings" panose="05000000000000000000" pitchFamily="2" charset="2"/>
              <a:buChar char="ü"/>
            </a:pPr>
            <a:r>
              <a:rPr lang="en-US" sz="1600" dirty="0"/>
              <a:t>Who participated in the activities?</a:t>
            </a:r>
          </a:p>
          <a:p>
            <a:pPr marL="742950" lvl="1" indent="-285750">
              <a:buFont typeface="Wingdings" panose="05000000000000000000" pitchFamily="2" charset="2"/>
              <a:buChar char="ü"/>
            </a:pPr>
            <a:r>
              <a:rPr lang="en-US" sz="1600" dirty="0"/>
              <a:t>Monthly planning</a:t>
            </a:r>
          </a:p>
          <a:p>
            <a:pPr marL="285750" indent="-285750">
              <a:buFont typeface="Wingdings" panose="05000000000000000000" pitchFamily="2" charset="2"/>
              <a:buChar char="ü"/>
            </a:pPr>
            <a:r>
              <a:rPr lang="en-US" sz="1600" dirty="0"/>
              <a:t>Quarterly reports and meetings </a:t>
            </a:r>
          </a:p>
          <a:p>
            <a:pPr marL="742950" lvl="1" indent="-285750">
              <a:buFont typeface="Wingdings" panose="05000000000000000000" pitchFamily="2" charset="2"/>
              <a:buChar char="ü"/>
            </a:pPr>
            <a:r>
              <a:rPr lang="en-US" sz="1600" dirty="0"/>
              <a:t>How well did activities occur?</a:t>
            </a:r>
          </a:p>
          <a:p>
            <a:pPr marL="742950" lvl="1" indent="-285750">
              <a:buFont typeface="Wingdings" panose="05000000000000000000" pitchFamily="2" charset="2"/>
              <a:buChar char="ü"/>
            </a:pPr>
            <a:r>
              <a:rPr lang="en-US" sz="1600" dirty="0"/>
              <a:t>What factors supported and inhibited implementation?</a:t>
            </a:r>
          </a:p>
          <a:p>
            <a:pPr marL="742950" lvl="1" indent="-285750">
              <a:buFont typeface="Wingdings" panose="05000000000000000000" pitchFamily="2" charset="2"/>
              <a:buChar char="ü"/>
            </a:pPr>
            <a:r>
              <a:rPr lang="en-US" sz="1600" dirty="0"/>
              <a:t>Test selected TOC logical pathways</a:t>
            </a:r>
          </a:p>
          <a:p>
            <a:pPr marL="742950" lvl="1" indent="-285750">
              <a:buFont typeface="Wingdings" panose="05000000000000000000" pitchFamily="2" charset="2"/>
              <a:buChar char="ü"/>
            </a:pPr>
            <a:r>
              <a:rPr lang="en-US" sz="1600" dirty="0"/>
              <a:t>What technical support do implementers need?</a:t>
            </a:r>
          </a:p>
          <a:p>
            <a:pPr marL="742950" lvl="1" indent="-285750">
              <a:buFont typeface="Wingdings" panose="05000000000000000000" pitchFamily="2" charset="2"/>
              <a:buChar char="ü"/>
            </a:pPr>
            <a:r>
              <a:rPr lang="en-US" sz="1600" dirty="0"/>
              <a:t>Quarterly planning</a:t>
            </a:r>
          </a:p>
          <a:p>
            <a:pPr marL="285750" indent="-285750">
              <a:buFont typeface="Wingdings" panose="05000000000000000000" pitchFamily="2" charset="2"/>
              <a:buChar char="ü"/>
            </a:pPr>
            <a:r>
              <a:rPr lang="en-US" sz="1600" dirty="0"/>
              <a:t>Annual reports and meetings</a:t>
            </a:r>
          </a:p>
          <a:p>
            <a:pPr marL="742950" lvl="1" indent="-285750">
              <a:buFont typeface="Wingdings" panose="05000000000000000000" pitchFamily="2" charset="2"/>
              <a:buChar char="ü"/>
            </a:pPr>
            <a:r>
              <a:rPr lang="en-US" sz="1600" dirty="0"/>
              <a:t>Reflect and discuss all TOC logical pathways</a:t>
            </a:r>
          </a:p>
          <a:p>
            <a:pPr marL="742950" lvl="1" indent="-285750">
              <a:buFont typeface="Wingdings" panose="05000000000000000000" pitchFamily="2" charset="2"/>
              <a:buChar char="ü"/>
            </a:pPr>
            <a:r>
              <a:rPr lang="en-US" sz="1600" dirty="0"/>
              <a:t>Annual planning</a:t>
            </a:r>
          </a:p>
        </p:txBody>
      </p:sp>
    </p:spTree>
    <p:extLst>
      <p:ext uri="{BB962C8B-B14F-4D97-AF65-F5344CB8AC3E}">
        <p14:creationId xmlns:p14="http://schemas.microsoft.com/office/powerpoint/2010/main" val="57895487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p:txBody>
          <a:bodyPr/>
          <a:lstStyle/>
          <a:p>
            <a:r>
              <a:rPr lang="en-US" dirty="0">
                <a:latin typeface="Gill Sans MT" panose="020B0502020104020203" pitchFamily="34" charset="0"/>
              </a:rPr>
              <a:t>“This presentation is made possible by the generous support of the American people through the United States Agency for International Development (USAID). The contents of this presentation are the responsibility of the presenter and do not necessarily reflect the views of USAID or the United States Government.”</a:t>
            </a:r>
          </a:p>
          <a:p>
            <a:endParaRPr lang="en-US" dirty="0"/>
          </a:p>
        </p:txBody>
      </p:sp>
    </p:spTree>
    <p:extLst>
      <p:ext uri="{BB962C8B-B14F-4D97-AF65-F5344CB8AC3E}">
        <p14:creationId xmlns:p14="http://schemas.microsoft.com/office/powerpoint/2010/main" val="398765192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640156" y="117673"/>
            <a:ext cx="8911687" cy="1280890"/>
          </a:xfrm>
        </p:spPr>
        <p:txBody>
          <a:bodyPr/>
          <a:lstStyle/>
          <a:p>
            <a:r>
              <a:rPr lang="en-US" dirty="0"/>
              <a:t>PAHAL MEL Framework</a:t>
            </a:r>
          </a:p>
        </p:txBody>
      </p:sp>
      <p:graphicFrame>
        <p:nvGraphicFramePr>
          <p:cNvPr id="4" name="Diagram 3"/>
          <p:cNvGraphicFramePr/>
          <p:nvPr>
            <p:extLst>
              <p:ext uri="{D42A27DB-BD31-4B8C-83A1-F6EECF244321}">
                <p14:modId xmlns:p14="http://schemas.microsoft.com/office/powerpoint/2010/main" val="2958104577"/>
              </p:ext>
            </p:extLst>
          </p:nvPr>
        </p:nvGraphicFramePr>
        <p:xfrm>
          <a:off x="2157680" y="877329"/>
          <a:ext cx="9782175" cy="5876925"/>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pSp>
        <p:nvGrpSpPr>
          <p:cNvPr id="18" name="Group 17"/>
          <p:cNvGrpSpPr/>
          <p:nvPr/>
        </p:nvGrpSpPr>
        <p:grpSpPr>
          <a:xfrm>
            <a:off x="2597736" y="4295861"/>
            <a:ext cx="1188720" cy="2201415"/>
            <a:chOff x="2597736" y="4295861"/>
            <a:chExt cx="1188720" cy="2201415"/>
          </a:xfrm>
        </p:grpSpPr>
        <p:sp>
          <p:nvSpPr>
            <p:cNvPr id="5" name="Rectangle 4"/>
            <p:cNvSpPr/>
            <p:nvPr/>
          </p:nvSpPr>
          <p:spPr>
            <a:xfrm>
              <a:off x="2597736" y="4295861"/>
              <a:ext cx="1188720" cy="36576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lvl="0" algn="ctr"/>
              <a:r>
                <a:rPr lang="en-US" sz="1400" b="1" dirty="0">
                  <a:solidFill>
                    <a:schemeClr val="bg1"/>
                  </a:solidFill>
                </a:rPr>
                <a:t>Objective: </a:t>
              </a:r>
              <a:endParaRPr lang="en-US" sz="1400" dirty="0">
                <a:solidFill>
                  <a:schemeClr val="bg1"/>
                </a:solidFill>
              </a:endParaRPr>
            </a:p>
          </p:txBody>
        </p:sp>
        <p:grpSp>
          <p:nvGrpSpPr>
            <p:cNvPr id="6" name="Group 5"/>
            <p:cNvGrpSpPr/>
            <p:nvPr/>
          </p:nvGrpSpPr>
          <p:grpSpPr>
            <a:xfrm>
              <a:off x="2597736" y="5209390"/>
              <a:ext cx="1188720" cy="365760"/>
              <a:chOff x="2779702" y="1835288"/>
              <a:chExt cx="650089" cy="199774"/>
            </a:xfrm>
          </p:grpSpPr>
          <p:sp>
            <p:nvSpPr>
              <p:cNvPr id="7" name="Rectangle 6"/>
              <p:cNvSpPr/>
              <p:nvPr/>
            </p:nvSpPr>
            <p:spPr>
              <a:xfrm>
                <a:off x="2779702" y="1835288"/>
                <a:ext cx="650089" cy="199774"/>
              </a:xfrm>
              <a:prstGeom prst="rect">
                <a:avLst/>
              </a:prstGeom>
              <a:solidFill>
                <a:schemeClr val="accent3"/>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8" name="TextBox 7"/>
              <p:cNvSpPr txBox="1"/>
              <p:nvPr/>
            </p:nvSpPr>
            <p:spPr>
              <a:xfrm>
                <a:off x="2779702" y="1835288"/>
                <a:ext cx="650089" cy="19977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400" kern="1200" dirty="0">
                    <a:ln>
                      <a:noFill/>
                    </a:ln>
                    <a:solidFill>
                      <a:sysClr val="windowText" lastClr="000000"/>
                    </a:solidFill>
                  </a:rPr>
                  <a:t>Outputs:</a:t>
                </a:r>
              </a:p>
            </p:txBody>
          </p:sp>
        </p:grpSp>
        <p:grpSp>
          <p:nvGrpSpPr>
            <p:cNvPr id="9" name="Group 8"/>
            <p:cNvGrpSpPr/>
            <p:nvPr/>
          </p:nvGrpSpPr>
          <p:grpSpPr>
            <a:xfrm>
              <a:off x="2597736" y="4756268"/>
              <a:ext cx="1188720" cy="365760"/>
              <a:chOff x="2773664" y="1596274"/>
              <a:chExt cx="650089" cy="199774"/>
            </a:xfrm>
          </p:grpSpPr>
          <p:sp>
            <p:nvSpPr>
              <p:cNvPr id="10" name="Rectangle 9"/>
              <p:cNvSpPr/>
              <p:nvPr/>
            </p:nvSpPr>
            <p:spPr>
              <a:xfrm>
                <a:off x="2773664" y="1596274"/>
                <a:ext cx="650089" cy="199774"/>
              </a:xfrm>
              <a:prstGeom prst="rect">
                <a:avLst/>
              </a:prstGeom>
              <a:solidFill>
                <a:schemeClr val="accent2"/>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11" name="TextBox 10"/>
              <p:cNvSpPr txBox="1"/>
              <p:nvPr/>
            </p:nvSpPr>
            <p:spPr>
              <a:xfrm>
                <a:off x="2773664" y="1596274"/>
                <a:ext cx="650089" cy="19977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400" kern="1200" dirty="0">
                    <a:ln>
                      <a:noFill/>
                    </a:ln>
                    <a:solidFill>
                      <a:sysClr val="windowText" lastClr="000000"/>
                    </a:solidFill>
                  </a:rPr>
                  <a:t>Outcomes:</a:t>
                </a:r>
              </a:p>
            </p:txBody>
          </p:sp>
        </p:grpSp>
        <p:grpSp>
          <p:nvGrpSpPr>
            <p:cNvPr id="12" name="Group 11"/>
            <p:cNvGrpSpPr/>
            <p:nvPr/>
          </p:nvGrpSpPr>
          <p:grpSpPr>
            <a:xfrm>
              <a:off x="2597736" y="6131516"/>
              <a:ext cx="1188720" cy="365760"/>
              <a:chOff x="1412423" y="2264936"/>
              <a:chExt cx="650089" cy="199774"/>
            </a:xfrm>
          </p:grpSpPr>
          <p:sp>
            <p:nvSpPr>
              <p:cNvPr id="13" name="Rectangle 12"/>
              <p:cNvSpPr/>
              <p:nvPr/>
            </p:nvSpPr>
            <p:spPr>
              <a:xfrm>
                <a:off x="1412423" y="2264936"/>
                <a:ext cx="650089" cy="199774"/>
              </a:xfrm>
              <a:prstGeom prst="rect">
                <a:avLst/>
              </a:prstGeom>
              <a:solidFill>
                <a:schemeClr val="accent6"/>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14" name="TextBox 13"/>
              <p:cNvSpPr txBox="1"/>
              <p:nvPr/>
            </p:nvSpPr>
            <p:spPr>
              <a:xfrm>
                <a:off x="1412423" y="2264936"/>
                <a:ext cx="650089" cy="19977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400" kern="1200" dirty="0">
                    <a:ln>
                      <a:noFill/>
                    </a:ln>
                    <a:solidFill>
                      <a:sysClr val="windowText" lastClr="000000"/>
                    </a:solidFill>
                  </a:rPr>
                  <a:t>Inputs:</a:t>
                </a:r>
              </a:p>
            </p:txBody>
          </p:sp>
        </p:grpSp>
        <p:grpSp>
          <p:nvGrpSpPr>
            <p:cNvPr id="15" name="Group 14"/>
            <p:cNvGrpSpPr/>
            <p:nvPr/>
          </p:nvGrpSpPr>
          <p:grpSpPr>
            <a:xfrm>
              <a:off x="2597736" y="5679440"/>
              <a:ext cx="1188720" cy="365760"/>
              <a:chOff x="1414450" y="2050112"/>
              <a:chExt cx="650089" cy="199774"/>
            </a:xfrm>
          </p:grpSpPr>
          <p:sp>
            <p:nvSpPr>
              <p:cNvPr id="16" name="Rectangle 15"/>
              <p:cNvSpPr/>
              <p:nvPr/>
            </p:nvSpPr>
            <p:spPr>
              <a:xfrm>
                <a:off x="1414450" y="2050112"/>
                <a:ext cx="650089" cy="199774"/>
              </a:xfrm>
              <a:prstGeom prst="rect">
                <a:avLst/>
              </a:prstGeom>
              <a:solidFill>
                <a:schemeClr val="accent4"/>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17" name="TextBox 16"/>
              <p:cNvSpPr txBox="1"/>
              <p:nvPr/>
            </p:nvSpPr>
            <p:spPr>
              <a:xfrm>
                <a:off x="1414450" y="2050112"/>
                <a:ext cx="650089" cy="19977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0160" tIns="10160" rIns="10160" bIns="10160" numCol="1" spcCol="1270" anchor="ctr" anchorCtr="0">
                <a:noAutofit/>
              </a:bodyPr>
              <a:lstStyle/>
              <a:p>
                <a:pPr lvl="0" algn="ctr" defTabSz="711200">
                  <a:lnSpc>
                    <a:spcPct val="90000"/>
                  </a:lnSpc>
                  <a:spcBef>
                    <a:spcPct val="0"/>
                  </a:spcBef>
                  <a:spcAft>
                    <a:spcPct val="35000"/>
                  </a:spcAft>
                </a:pPr>
                <a:r>
                  <a:rPr lang="en-US" sz="1400" kern="1200" dirty="0">
                    <a:ln>
                      <a:noFill/>
                    </a:ln>
                    <a:solidFill>
                      <a:sysClr val="windowText" lastClr="000000"/>
                    </a:solidFill>
                  </a:rPr>
                  <a:t>Activities:</a:t>
                </a:r>
              </a:p>
            </p:txBody>
          </p:sp>
        </p:grpSp>
      </p:grpSp>
    </p:spTree>
    <p:extLst>
      <p:ext uri="{BB962C8B-B14F-4D97-AF65-F5344CB8AC3E}">
        <p14:creationId xmlns:p14="http://schemas.microsoft.com/office/powerpoint/2010/main" val="220993306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sz="4333" dirty="0">
                <a:solidFill>
                  <a:schemeClr val="accent4">
                    <a:lumMod val="50000"/>
                  </a:schemeClr>
                </a:solidFill>
              </a:rPr>
              <a:t>MEL Products &amp; Services</a:t>
            </a:r>
          </a:p>
        </p:txBody>
      </p:sp>
      <p:sp>
        <p:nvSpPr>
          <p:cNvPr id="3" name="Text Box 2"/>
          <p:cNvSpPr txBox="1">
            <a:spLocks noChangeArrowheads="1"/>
          </p:cNvSpPr>
          <p:nvPr/>
        </p:nvSpPr>
        <p:spPr bwMode="auto">
          <a:xfrm>
            <a:off x="838199" y="1615440"/>
            <a:ext cx="5057633" cy="4894542"/>
          </a:xfrm>
          <a:prstGeom prst="rect">
            <a:avLst/>
          </a:prstGeom>
          <a:solidFill>
            <a:srgbClr val="FFFFFF"/>
          </a:solidFill>
          <a:ln w="9525">
            <a:solidFill>
              <a:schemeClr val="tx2"/>
            </a:solidFill>
            <a:miter lim="800000"/>
            <a:headEnd/>
            <a:tailEnd/>
          </a:ln>
        </p:spPr>
        <p:txBody>
          <a:bodyPr rot="0" vert="horz" wrap="square" lIns="91440" tIns="45720" rIns="91440" bIns="45720" anchor="t" anchorCtr="0">
            <a:noAutofit/>
          </a:bodyPr>
          <a:lstStyle/>
          <a:p>
            <a:pPr marL="228600" marR="0" indent="-228600" algn="ctr">
              <a:lnSpc>
                <a:spcPct val="107000"/>
              </a:lnSpc>
              <a:spcBef>
                <a:spcPts val="0"/>
              </a:spcBef>
              <a:spcAft>
                <a:spcPts val="0"/>
              </a:spcAft>
            </a:pPr>
            <a:r>
              <a:rPr lang="en-US" sz="2800" b="1" u="sng" dirty="0">
                <a:effectLst/>
                <a:latin typeface="Calibri" panose="020F0502020204030204" pitchFamily="34" charset="0"/>
                <a:ea typeface="Calibri" panose="020F0502020204030204" pitchFamily="34" charset="0"/>
                <a:cs typeface="Times New Roman" panose="02020603050405020304" pitchFamily="18" charset="0"/>
              </a:rPr>
              <a:t>MEL Products</a:t>
            </a:r>
            <a:endParaRPr lang="en-US" sz="2800" dirty="0">
              <a:effectLst/>
              <a:latin typeface="Calibri" panose="020F0502020204030204" pitchFamily="34" charset="0"/>
              <a:ea typeface="Calibri" panose="020F0502020204030204" pitchFamily="34" charset="0"/>
              <a:cs typeface="Times New Roman" panose="02020603050405020304" pitchFamily="18" charset="0"/>
            </a:endParaRPr>
          </a:p>
          <a:p>
            <a:pPr marL="457200" marR="0" indent="-457200">
              <a:lnSpc>
                <a:spcPct val="107000"/>
              </a:lnSpc>
              <a:spcBef>
                <a:spcPts val="0"/>
              </a:spcBef>
              <a:spcAft>
                <a:spcPts val="0"/>
              </a:spcAft>
              <a:buFont typeface="+mj-lt"/>
              <a:buAutoNum type="arabicPeriod"/>
            </a:pPr>
            <a:r>
              <a:rPr lang="en-US" sz="2400" dirty="0">
                <a:effectLst/>
                <a:latin typeface="Calibri" panose="020F0502020204030204" pitchFamily="34" charset="0"/>
                <a:ea typeface="Calibri" panose="020F0502020204030204" pitchFamily="34" charset="0"/>
                <a:cs typeface="Times New Roman" panose="02020603050405020304" pitchFamily="18" charset="0"/>
              </a:rPr>
              <a:t>Beneficiary tracking (participant registration </a:t>
            </a:r>
            <a:r>
              <a:rPr lang="en-US" sz="2400" dirty="0">
                <a:effectLst/>
                <a:latin typeface="Calibri" panose="020F0502020204030204" pitchFamily="34" charset="0"/>
                <a:ea typeface="Calibri" panose="020F0502020204030204" pitchFamily="34" charset="0"/>
                <a:cs typeface="Times New Roman" panose="02020603050405020304" pitchFamily="18" charset="0"/>
                <a:sym typeface="Wingdings" panose="05000000000000000000" pitchFamily="2" charset="2"/>
              </a:rPr>
              <a:t></a:t>
            </a:r>
            <a:r>
              <a:rPr lang="en-US" sz="2400" dirty="0">
                <a:effectLst/>
                <a:latin typeface="Calibri" panose="020F0502020204030204" pitchFamily="34" charset="0"/>
                <a:ea typeface="Calibri" panose="020F0502020204030204" pitchFamily="34" charset="0"/>
                <a:cs typeface="Times New Roman" panose="02020603050405020304" pitchFamily="18" charset="0"/>
              </a:rPr>
              <a:t> tracking table)</a:t>
            </a:r>
          </a:p>
          <a:p>
            <a:pPr marL="457200" marR="0" indent="-457200">
              <a:lnSpc>
                <a:spcPct val="107000"/>
              </a:lnSpc>
              <a:spcBef>
                <a:spcPts val="0"/>
              </a:spcBef>
              <a:spcAft>
                <a:spcPts val="0"/>
              </a:spcAft>
              <a:buFont typeface="+mj-lt"/>
              <a:buAutoNum type="arabicPeriod"/>
            </a:pPr>
            <a:r>
              <a:rPr lang="en-US" sz="2400" dirty="0">
                <a:effectLst/>
                <a:latin typeface="Calibri" panose="020F0502020204030204" pitchFamily="34" charset="0"/>
                <a:ea typeface="Calibri" panose="020F0502020204030204" pitchFamily="34" charset="0"/>
                <a:cs typeface="Times New Roman" panose="02020603050405020304" pitchFamily="18" charset="0"/>
              </a:rPr>
              <a:t>Activity monitoring (annual surveys, activity registers, qualitative evaluations, DQA </a:t>
            </a:r>
            <a:r>
              <a:rPr lang="en-US" sz="2400" dirty="0">
                <a:effectLst/>
                <a:latin typeface="Calibri" panose="020F0502020204030204" pitchFamily="34" charset="0"/>
                <a:ea typeface="Calibri" panose="020F0502020204030204" pitchFamily="34" charset="0"/>
                <a:cs typeface="Times New Roman" panose="02020603050405020304" pitchFamily="18" charset="0"/>
                <a:sym typeface="Wingdings" panose="05000000000000000000" pitchFamily="2" charset="2"/>
              </a:rPr>
              <a:t></a:t>
            </a:r>
            <a:r>
              <a:rPr lang="en-US" sz="2400" dirty="0">
                <a:effectLst/>
                <a:latin typeface="Calibri" panose="020F0502020204030204" pitchFamily="34" charset="0"/>
                <a:ea typeface="Calibri" panose="020F0502020204030204" pitchFamily="34" charset="0"/>
                <a:cs typeface="Times New Roman" panose="02020603050405020304" pitchFamily="18" charset="0"/>
              </a:rPr>
              <a:t> IPTT &amp; SAPQ)</a:t>
            </a:r>
          </a:p>
          <a:p>
            <a:pPr marL="457200" marR="0" indent="-457200">
              <a:lnSpc>
                <a:spcPct val="107000"/>
              </a:lnSpc>
              <a:spcBef>
                <a:spcPts val="0"/>
              </a:spcBef>
              <a:spcAft>
                <a:spcPts val="0"/>
              </a:spcAft>
              <a:buFont typeface="+mj-lt"/>
              <a:buAutoNum type="arabicPeriod"/>
            </a:pPr>
            <a:r>
              <a:rPr lang="en-US" sz="2400" dirty="0">
                <a:effectLst/>
                <a:latin typeface="Calibri" panose="020F0502020204030204" pitchFamily="34" charset="0"/>
                <a:ea typeface="Calibri" panose="020F0502020204030204" pitchFamily="34" charset="0"/>
                <a:cs typeface="Times New Roman" panose="02020603050405020304" pitchFamily="18" charset="0"/>
              </a:rPr>
              <a:t>Project evaluation (Mid-Term Evaluation)</a:t>
            </a:r>
          </a:p>
          <a:p>
            <a:pPr marL="457200" marR="0" indent="-457200">
              <a:lnSpc>
                <a:spcPct val="107000"/>
              </a:lnSpc>
              <a:spcBef>
                <a:spcPts val="0"/>
              </a:spcBef>
              <a:spcAft>
                <a:spcPts val="0"/>
              </a:spcAft>
              <a:buFont typeface="+mj-lt"/>
              <a:buAutoNum type="arabicPeriod"/>
            </a:pPr>
            <a:r>
              <a:rPr lang="en-US" sz="2400" dirty="0">
                <a:effectLst/>
                <a:latin typeface="Calibri" panose="020F0502020204030204" pitchFamily="34" charset="0"/>
                <a:ea typeface="Calibri" panose="020F0502020204030204" pitchFamily="34" charset="0"/>
                <a:cs typeface="Times New Roman" panose="02020603050405020304" pitchFamily="18" charset="0"/>
              </a:rPr>
              <a:t>Customer satisfaction monitoring (customer complaint mechanism)</a:t>
            </a:r>
          </a:p>
          <a:p>
            <a:pPr marL="457200" marR="0" indent="-457200">
              <a:lnSpc>
                <a:spcPct val="107000"/>
              </a:lnSpc>
              <a:spcBef>
                <a:spcPts val="0"/>
              </a:spcBef>
              <a:spcAft>
                <a:spcPts val="0"/>
              </a:spcAft>
              <a:buFont typeface="+mj-lt"/>
              <a:buAutoNum type="arabicPeriod"/>
            </a:pPr>
            <a:r>
              <a:rPr lang="en-US" sz="2400" dirty="0">
                <a:latin typeface="Calibri" panose="020F0502020204030204" pitchFamily="34" charset="0"/>
                <a:ea typeface="Calibri" panose="020F0502020204030204" pitchFamily="34" charset="0"/>
                <a:cs typeface="Times New Roman" panose="02020603050405020304" pitchFamily="18" charset="0"/>
              </a:rPr>
              <a:t>Activity reports</a:t>
            </a:r>
          </a:p>
        </p:txBody>
      </p:sp>
      <p:sp>
        <p:nvSpPr>
          <p:cNvPr id="4" name="Text Box 2"/>
          <p:cNvSpPr txBox="1">
            <a:spLocks noChangeArrowheads="1"/>
          </p:cNvSpPr>
          <p:nvPr/>
        </p:nvSpPr>
        <p:spPr bwMode="auto">
          <a:xfrm>
            <a:off x="6408760" y="1615440"/>
            <a:ext cx="5057633" cy="4894542"/>
          </a:xfrm>
          <a:prstGeom prst="rect">
            <a:avLst/>
          </a:prstGeom>
          <a:solidFill>
            <a:srgbClr val="FFFFFF"/>
          </a:solidFill>
          <a:ln w="9525">
            <a:solidFill>
              <a:schemeClr val="tx2"/>
            </a:solidFill>
            <a:miter lim="800000"/>
            <a:headEnd/>
            <a:tailEnd/>
          </a:ln>
        </p:spPr>
        <p:txBody>
          <a:bodyPr rot="0" vert="horz" wrap="square" lIns="91440" tIns="45720" rIns="91440" bIns="45720" anchor="t" anchorCtr="0">
            <a:noAutofit/>
          </a:bodyPr>
          <a:lstStyle/>
          <a:p>
            <a:pPr marL="228600" indent="-228600" algn="ctr">
              <a:lnSpc>
                <a:spcPct val="107000"/>
              </a:lnSpc>
            </a:pPr>
            <a:r>
              <a:rPr lang="en-US" sz="2800" b="1" u="sng" dirty="0">
                <a:latin typeface="Calibri" panose="020F0502020204030204" pitchFamily="34" charset="0"/>
                <a:ea typeface="Calibri" panose="020F0502020204030204" pitchFamily="34" charset="0"/>
                <a:cs typeface="Times New Roman" panose="02020603050405020304" pitchFamily="18" charset="0"/>
              </a:rPr>
              <a:t>MEL Services</a:t>
            </a:r>
          </a:p>
          <a:p>
            <a:pPr marL="457200" indent="-457200">
              <a:lnSpc>
                <a:spcPct val="107000"/>
              </a:lnSpc>
              <a:buFont typeface="+mj-lt"/>
              <a:buAutoNum type="arabicPeriod"/>
            </a:pPr>
            <a:r>
              <a:rPr lang="en-US" sz="2400" dirty="0">
                <a:latin typeface="Calibri" panose="020F0502020204030204" pitchFamily="34" charset="0"/>
                <a:ea typeface="Calibri" panose="020F0502020204030204" pitchFamily="34" charset="0"/>
                <a:cs typeface="Times New Roman" panose="02020603050405020304" pitchFamily="18" charset="0"/>
              </a:rPr>
              <a:t>Management Information System use training</a:t>
            </a:r>
          </a:p>
          <a:p>
            <a:pPr marL="457200" marR="0" indent="-457200">
              <a:lnSpc>
                <a:spcPct val="107000"/>
              </a:lnSpc>
              <a:spcBef>
                <a:spcPts val="0"/>
              </a:spcBef>
              <a:spcAft>
                <a:spcPts val="0"/>
              </a:spcAft>
              <a:buFont typeface="+mj-lt"/>
              <a:buAutoNum type="arabicPeriod"/>
            </a:pPr>
            <a:r>
              <a:rPr lang="en-US" sz="2400" dirty="0">
                <a:effectLst/>
                <a:latin typeface="Calibri" panose="020F0502020204030204" pitchFamily="34" charset="0"/>
                <a:ea typeface="Calibri" panose="020F0502020204030204" pitchFamily="34" charset="0"/>
                <a:cs typeface="Times New Roman" panose="02020603050405020304" pitchFamily="18" charset="0"/>
              </a:rPr>
              <a:t>Technical assistance on indicator selection and tabulation</a:t>
            </a:r>
          </a:p>
          <a:p>
            <a:pPr marL="457200" indent="-457200">
              <a:lnSpc>
                <a:spcPct val="107000"/>
              </a:lnSpc>
              <a:buFont typeface="+mj-lt"/>
              <a:buAutoNum type="arabicPeriod"/>
            </a:pPr>
            <a:r>
              <a:rPr lang="en-US" sz="2400" dirty="0">
                <a:effectLst/>
                <a:latin typeface="Calibri" panose="020F0502020204030204" pitchFamily="34" charset="0"/>
                <a:ea typeface="Calibri" panose="020F0502020204030204" pitchFamily="34" charset="0"/>
                <a:cs typeface="Times New Roman" panose="02020603050405020304" pitchFamily="18" charset="0"/>
              </a:rPr>
              <a:t>Technical assistance on designing surveys, evaluations, and forms (paper &amp; digital)</a:t>
            </a:r>
          </a:p>
          <a:p>
            <a:pPr marL="457200" marR="0" indent="-457200">
              <a:lnSpc>
                <a:spcPct val="107000"/>
              </a:lnSpc>
              <a:spcBef>
                <a:spcPts val="0"/>
              </a:spcBef>
              <a:spcAft>
                <a:spcPts val="0"/>
              </a:spcAft>
              <a:buFont typeface="+mj-lt"/>
              <a:buAutoNum type="arabicPeriod"/>
            </a:pPr>
            <a:r>
              <a:rPr lang="en-US" sz="2400" dirty="0">
                <a:latin typeface="Calibri" panose="020F0502020204030204" pitchFamily="34" charset="0"/>
                <a:ea typeface="Calibri" panose="020F0502020204030204" pitchFamily="34" charset="0"/>
                <a:cs typeface="Times New Roman" panose="02020603050405020304" pitchFamily="18" charset="0"/>
              </a:rPr>
              <a:t>Data graphics (maps, tables, graphs)</a:t>
            </a:r>
          </a:p>
          <a:p>
            <a:pPr marL="457200" marR="0" indent="-457200">
              <a:lnSpc>
                <a:spcPct val="107000"/>
              </a:lnSpc>
              <a:spcBef>
                <a:spcPts val="0"/>
              </a:spcBef>
              <a:spcAft>
                <a:spcPts val="0"/>
              </a:spcAft>
              <a:buFont typeface="+mj-lt"/>
              <a:buAutoNum type="arabicPeriod"/>
            </a:pPr>
            <a:endParaRPr lang="en-US" sz="24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02388260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801351" y="624110"/>
            <a:ext cx="8911687" cy="1280890"/>
          </a:xfrm>
        </p:spPr>
        <p:txBody>
          <a:bodyPr/>
          <a:lstStyle/>
          <a:p>
            <a:r>
              <a:rPr lang="en-US" dirty="0">
                <a:solidFill>
                  <a:schemeClr val="accent4">
                    <a:lumMod val="50000"/>
                  </a:schemeClr>
                </a:solidFill>
              </a:rPr>
              <a:t>PAHAL MEL Process</a:t>
            </a:r>
            <a:endParaRPr lang="en-US" dirty="0"/>
          </a:p>
        </p:txBody>
      </p:sp>
      <p:graphicFrame>
        <p:nvGraphicFramePr>
          <p:cNvPr id="3" name="Diagram 2"/>
          <p:cNvGraphicFramePr/>
          <p:nvPr>
            <p:extLst>
              <p:ext uri="{D42A27DB-BD31-4B8C-83A1-F6EECF244321}">
                <p14:modId xmlns:p14="http://schemas.microsoft.com/office/powerpoint/2010/main" val="725254608"/>
              </p:ext>
            </p:extLst>
          </p:nvPr>
        </p:nvGraphicFramePr>
        <p:xfrm>
          <a:off x="3598953" y="137033"/>
          <a:ext cx="10304061" cy="654064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4" name="TextBox 3"/>
          <p:cNvSpPr txBox="1"/>
          <p:nvPr/>
        </p:nvSpPr>
        <p:spPr>
          <a:xfrm>
            <a:off x="1520599" y="1963638"/>
            <a:ext cx="3507475" cy="3416320"/>
          </a:xfrm>
          <a:prstGeom prst="rect">
            <a:avLst/>
          </a:prstGeom>
          <a:noFill/>
        </p:spPr>
        <p:txBody>
          <a:bodyPr wrap="square" rtlCol="0">
            <a:spAutoFit/>
          </a:bodyPr>
          <a:lstStyle/>
          <a:p>
            <a:r>
              <a:rPr lang="en-US" sz="2400" dirty="0"/>
              <a:t>Follows Demand for Data and Information Use (DDIU) framework</a:t>
            </a:r>
          </a:p>
          <a:p>
            <a:pPr marL="285750" indent="-285750">
              <a:buFontTx/>
              <a:buChar char="-"/>
            </a:pPr>
            <a:r>
              <a:rPr lang="en-US" sz="2400" dirty="0"/>
              <a:t>Build demand for data in participatory manner</a:t>
            </a:r>
          </a:p>
          <a:p>
            <a:pPr marL="285750" indent="-285750">
              <a:buFontTx/>
              <a:buChar char="-"/>
            </a:pPr>
            <a:r>
              <a:rPr lang="en-US" sz="2400" dirty="0"/>
              <a:t>Develop user’s ownership of data</a:t>
            </a:r>
          </a:p>
          <a:p>
            <a:pPr marL="285750" indent="-285750">
              <a:buFontTx/>
              <a:buChar char="-"/>
            </a:pPr>
            <a:r>
              <a:rPr lang="en-US" sz="2400" dirty="0"/>
              <a:t>Build systems based on data demand</a:t>
            </a:r>
          </a:p>
        </p:txBody>
      </p:sp>
    </p:spTree>
    <p:extLst>
      <p:ext uri="{BB962C8B-B14F-4D97-AF65-F5344CB8AC3E}">
        <p14:creationId xmlns:p14="http://schemas.microsoft.com/office/powerpoint/2010/main" val="423906359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20727" y="75070"/>
            <a:ext cx="8911687" cy="1280890"/>
          </a:xfrm>
        </p:spPr>
        <p:txBody>
          <a:bodyPr/>
          <a:lstStyle/>
          <a:p>
            <a:r>
              <a:rPr lang="en-US" dirty="0"/>
              <a:t>PAHAL MEL Framework </a:t>
            </a:r>
            <a:br>
              <a:rPr lang="en-US" dirty="0"/>
            </a:br>
            <a:r>
              <a:rPr lang="en-US" dirty="0"/>
              <a:t>&amp; Process Overview</a:t>
            </a:r>
          </a:p>
        </p:txBody>
      </p:sp>
      <p:graphicFrame>
        <p:nvGraphicFramePr>
          <p:cNvPr id="3" name="Diagram 2"/>
          <p:cNvGraphicFramePr/>
          <p:nvPr>
            <p:extLst>
              <p:ext uri="{D42A27DB-BD31-4B8C-83A1-F6EECF244321}">
                <p14:modId xmlns:p14="http://schemas.microsoft.com/office/powerpoint/2010/main" val="598096334"/>
              </p:ext>
            </p:extLst>
          </p:nvPr>
        </p:nvGraphicFramePr>
        <p:xfrm>
          <a:off x="-568672" y="1296537"/>
          <a:ext cx="6901858" cy="55614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Diagram 4"/>
          <p:cNvGraphicFramePr/>
          <p:nvPr>
            <p:extLst>
              <p:ext uri="{D42A27DB-BD31-4B8C-83A1-F6EECF244321}">
                <p14:modId xmlns:p14="http://schemas.microsoft.com/office/powerpoint/2010/main" val="1523400030"/>
              </p:ext>
            </p:extLst>
          </p:nvPr>
        </p:nvGraphicFramePr>
        <p:xfrm>
          <a:off x="3776374" y="158678"/>
          <a:ext cx="10304061" cy="6540643"/>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333247195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emand for Data and Information Use</a:t>
            </a:r>
          </a:p>
        </p:txBody>
      </p:sp>
      <p:graphicFrame>
        <p:nvGraphicFramePr>
          <p:cNvPr id="8" name="Table 7"/>
          <p:cNvGraphicFramePr>
            <a:graphicFrameLocks noGrp="1"/>
          </p:cNvGraphicFramePr>
          <p:nvPr>
            <p:extLst>
              <p:ext uri="{D42A27DB-BD31-4B8C-83A1-F6EECF244321}">
                <p14:modId xmlns:p14="http://schemas.microsoft.com/office/powerpoint/2010/main" val="1598364796"/>
              </p:ext>
            </p:extLst>
          </p:nvPr>
        </p:nvGraphicFramePr>
        <p:xfrm>
          <a:off x="364204" y="1364696"/>
          <a:ext cx="11495701" cy="8205980"/>
        </p:xfrm>
        <a:graphic>
          <a:graphicData uri="http://schemas.openxmlformats.org/drawingml/2006/table">
            <a:tbl>
              <a:tblPr firstRow="1" firstCol="1" bandRow="1">
                <a:tableStyleId>{5C22544A-7EE6-4342-B048-85BDC9FD1C3A}</a:tableStyleId>
              </a:tblPr>
              <a:tblGrid>
                <a:gridCol w="1264613">
                  <a:extLst>
                    <a:ext uri="{9D8B030D-6E8A-4147-A177-3AD203B41FA5}">
                      <a16:colId xmlns:a16="http://schemas.microsoft.com/office/drawing/2014/main" val="839957522"/>
                    </a:ext>
                  </a:extLst>
                </a:gridCol>
                <a:gridCol w="2581850">
                  <a:extLst>
                    <a:ext uri="{9D8B030D-6E8A-4147-A177-3AD203B41FA5}">
                      <a16:colId xmlns:a16="http://schemas.microsoft.com/office/drawing/2014/main" val="455158678"/>
                    </a:ext>
                  </a:extLst>
                </a:gridCol>
                <a:gridCol w="1375208">
                  <a:extLst>
                    <a:ext uri="{9D8B030D-6E8A-4147-A177-3AD203B41FA5}">
                      <a16:colId xmlns:a16="http://schemas.microsoft.com/office/drawing/2014/main" val="1472089925"/>
                    </a:ext>
                  </a:extLst>
                </a:gridCol>
                <a:gridCol w="1719455">
                  <a:extLst>
                    <a:ext uri="{9D8B030D-6E8A-4147-A177-3AD203B41FA5}">
                      <a16:colId xmlns:a16="http://schemas.microsoft.com/office/drawing/2014/main" val="2255192738"/>
                    </a:ext>
                  </a:extLst>
                </a:gridCol>
                <a:gridCol w="1517002">
                  <a:extLst>
                    <a:ext uri="{9D8B030D-6E8A-4147-A177-3AD203B41FA5}">
                      <a16:colId xmlns:a16="http://schemas.microsoft.com/office/drawing/2014/main" val="3719838520"/>
                    </a:ext>
                  </a:extLst>
                </a:gridCol>
                <a:gridCol w="1157596">
                  <a:extLst>
                    <a:ext uri="{9D8B030D-6E8A-4147-A177-3AD203B41FA5}">
                      <a16:colId xmlns:a16="http://schemas.microsoft.com/office/drawing/2014/main" val="583561160"/>
                    </a:ext>
                  </a:extLst>
                </a:gridCol>
                <a:gridCol w="1879977">
                  <a:extLst>
                    <a:ext uri="{9D8B030D-6E8A-4147-A177-3AD203B41FA5}">
                      <a16:colId xmlns:a16="http://schemas.microsoft.com/office/drawing/2014/main" val="2422377968"/>
                    </a:ext>
                  </a:extLst>
                </a:gridCol>
              </a:tblGrid>
              <a:tr h="118215">
                <a:tc>
                  <a:txBody>
                    <a:bodyPr/>
                    <a:lstStyle/>
                    <a:p>
                      <a:pPr marL="0" marR="0">
                        <a:lnSpc>
                          <a:spcPct val="115000"/>
                        </a:lnSpc>
                        <a:spcBef>
                          <a:spcPts val="0"/>
                        </a:spcBef>
                        <a:spcAft>
                          <a:spcPts val="0"/>
                        </a:spcAft>
                      </a:pPr>
                      <a:r>
                        <a:rPr lang="en-US" sz="1600" dirty="0">
                          <a:effectLst/>
                        </a:rPr>
                        <a:t>Thematic Sector </a:t>
                      </a:r>
                      <a:endParaRPr lang="en-US" sz="1600" dirty="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Decisions</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Type of Data Needed</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Disaggregation</a:t>
                      </a:r>
                    </a:p>
                    <a:p>
                      <a:pPr marL="0" marR="0">
                        <a:lnSpc>
                          <a:spcPct val="115000"/>
                        </a:lnSpc>
                        <a:spcBef>
                          <a:spcPts val="0"/>
                        </a:spcBef>
                        <a:spcAft>
                          <a:spcPts val="0"/>
                        </a:spcAft>
                      </a:pPr>
                      <a:r>
                        <a:rPr lang="en-US" sz="1600">
                          <a:effectLst/>
                        </a:rPr>
                        <a:t>Needed</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Type of Data Output Needed</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Frequency </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Stakeholders </a:t>
                      </a:r>
                      <a:endParaRPr lang="en-US" sz="1600">
                        <a:effectLst/>
                        <a:latin typeface="Calibri" panose="020F0502020204030204" pitchFamily="34" charset="0"/>
                        <a:ea typeface="Calibri" panose="020F0502020204030204" pitchFamily="34" charset="0"/>
                        <a:cs typeface="Mangal"/>
                      </a:endParaRPr>
                    </a:p>
                  </a:txBody>
                  <a:tcPr marL="10394" marR="10394" marT="0" marB="0"/>
                </a:tc>
                <a:extLst>
                  <a:ext uri="{0D108BD9-81ED-4DB2-BD59-A6C34878D82A}">
                    <a16:rowId xmlns:a16="http://schemas.microsoft.com/office/drawing/2014/main" val="3720501696"/>
                  </a:ext>
                </a:extLst>
              </a:tr>
              <a:tr h="394047">
                <a:tc>
                  <a:txBody>
                    <a:bodyPr/>
                    <a:lstStyle/>
                    <a:p>
                      <a:pPr marL="0" marR="0">
                        <a:lnSpc>
                          <a:spcPct val="115000"/>
                        </a:lnSpc>
                        <a:spcBef>
                          <a:spcPts val="0"/>
                        </a:spcBef>
                        <a:spcAft>
                          <a:spcPts val="0"/>
                        </a:spcAft>
                      </a:pPr>
                      <a:r>
                        <a:rPr lang="en-US" sz="1600" b="1" dirty="0">
                          <a:effectLst/>
                          <a:latin typeface="Gill Sans MT" panose="020B0502020104020203" pitchFamily="34" charset="0"/>
                          <a:ea typeface="Calibri" panose="020F0502020204030204" pitchFamily="34" charset="0"/>
                          <a:cs typeface="Mangal"/>
                        </a:rPr>
                        <a:t>WASH </a:t>
                      </a:r>
                      <a:endParaRPr lang="en-US" sz="1600" dirty="0">
                        <a:effectLst/>
                        <a:latin typeface="Calibri" panose="020F0502020204030204" pitchFamily="34" charset="0"/>
                        <a:ea typeface="Calibri" panose="020F0502020204030204" pitchFamily="34" charset="0"/>
                        <a:cs typeface="Mangal"/>
                      </a:endParaRPr>
                    </a:p>
                  </a:txBody>
                  <a:tcPr marL="68580" marR="68580" marT="0" marB="0"/>
                </a:tc>
                <a:tc>
                  <a:txBody>
                    <a:bodyPr/>
                    <a:lstStyle/>
                    <a:p>
                      <a:pPr marL="0" marR="0">
                        <a:lnSpc>
                          <a:spcPct val="115000"/>
                        </a:lnSpc>
                        <a:spcBef>
                          <a:spcPts val="0"/>
                        </a:spcBef>
                        <a:spcAft>
                          <a:spcPts val="0"/>
                        </a:spcAft>
                      </a:pPr>
                      <a:r>
                        <a:rPr lang="en-US" sz="1600" dirty="0">
                          <a:effectLst/>
                          <a:latin typeface="Gill Sans MT" panose="020B0502020104020203" pitchFamily="34" charset="0"/>
                          <a:ea typeface="Calibri" panose="020F0502020204030204" pitchFamily="34" charset="0"/>
                          <a:cs typeface="Mangal"/>
                        </a:rPr>
                        <a:t>Where to promote hand washing more?</a:t>
                      </a:r>
                      <a:endParaRPr lang="en-US" sz="1600" dirty="0">
                        <a:effectLst/>
                        <a:latin typeface="Calibri" panose="020F0502020204030204" pitchFamily="34" charset="0"/>
                        <a:ea typeface="Calibri" panose="020F0502020204030204" pitchFamily="34" charset="0"/>
                        <a:cs typeface="Mangal"/>
                      </a:endParaRPr>
                    </a:p>
                  </a:txBody>
                  <a:tcPr marL="68580" marR="68580" marT="0" marB="0"/>
                </a:tc>
                <a:tc>
                  <a:txBody>
                    <a:bodyPr/>
                    <a:lstStyle/>
                    <a:p>
                      <a:pPr marL="0" marR="0">
                        <a:lnSpc>
                          <a:spcPct val="115000"/>
                        </a:lnSpc>
                        <a:spcBef>
                          <a:spcPts val="0"/>
                        </a:spcBef>
                        <a:spcAft>
                          <a:spcPts val="0"/>
                        </a:spcAft>
                      </a:pPr>
                      <a:r>
                        <a:rPr lang="en-US" sz="1600">
                          <a:effectLst/>
                          <a:latin typeface="Gill Sans MT" panose="020B0502020104020203" pitchFamily="34" charset="0"/>
                          <a:ea typeface="Calibri" panose="020F0502020204030204" pitchFamily="34" charset="0"/>
                          <a:cs typeface="Mangal"/>
                        </a:rPr>
                        <a:t>% of hand-washers </a:t>
                      </a:r>
                      <a:endParaRPr lang="en-US" sz="1600">
                        <a:effectLst/>
                        <a:latin typeface="Calibri" panose="020F0502020204030204" pitchFamily="34" charset="0"/>
                        <a:ea typeface="Calibri" panose="020F0502020204030204" pitchFamily="34" charset="0"/>
                        <a:cs typeface="Mangal"/>
                      </a:endParaRPr>
                    </a:p>
                  </a:txBody>
                  <a:tcPr marL="68580" marR="68580" marT="0" marB="0"/>
                </a:tc>
                <a:tc>
                  <a:txBody>
                    <a:bodyPr/>
                    <a:lstStyle/>
                    <a:p>
                      <a:pPr marL="0" marR="0">
                        <a:lnSpc>
                          <a:spcPct val="115000"/>
                        </a:lnSpc>
                        <a:spcBef>
                          <a:spcPts val="0"/>
                        </a:spcBef>
                        <a:spcAft>
                          <a:spcPts val="0"/>
                        </a:spcAft>
                      </a:pPr>
                      <a:r>
                        <a:rPr lang="en-US" sz="1600">
                          <a:effectLst/>
                          <a:latin typeface="Gill Sans MT" panose="020B0502020104020203" pitchFamily="34" charset="0"/>
                          <a:ea typeface="Calibri" panose="020F0502020204030204" pitchFamily="34" charset="0"/>
                          <a:cs typeface="Mangal"/>
                        </a:rPr>
                        <a:t>By Location(VDC)</a:t>
                      </a:r>
                      <a:endParaRPr lang="en-US" sz="1600">
                        <a:effectLst/>
                        <a:latin typeface="Calibri" panose="020F0502020204030204" pitchFamily="34" charset="0"/>
                        <a:ea typeface="Calibri" panose="020F0502020204030204" pitchFamily="34" charset="0"/>
                        <a:cs typeface="Mangal"/>
                      </a:endParaRPr>
                    </a:p>
                    <a:p>
                      <a:pPr marL="0" marR="0">
                        <a:lnSpc>
                          <a:spcPct val="115000"/>
                        </a:lnSpc>
                        <a:spcBef>
                          <a:spcPts val="0"/>
                        </a:spcBef>
                        <a:spcAft>
                          <a:spcPts val="0"/>
                        </a:spcAft>
                      </a:pPr>
                      <a:r>
                        <a:rPr lang="en-US" sz="1600">
                          <a:effectLst/>
                          <a:latin typeface="Gill Sans MT" panose="020B0502020104020203" pitchFamily="34" charset="0"/>
                          <a:ea typeface="Calibri" panose="020F0502020204030204" pitchFamily="34" charset="0"/>
                          <a:cs typeface="Mangal"/>
                        </a:rPr>
                        <a:t>By Caste/Ethnicity</a:t>
                      </a:r>
                      <a:endParaRPr lang="en-US" sz="1600">
                        <a:effectLst/>
                        <a:latin typeface="Calibri" panose="020F0502020204030204" pitchFamily="34" charset="0"/>
                        <a:ea typeface="Calibri" panose="020F0502020204030204" pitchFamily="34" charset="0"/>
                        <a:cs typeface="Mangal"/>
                      </a:endParaRPr>
                    </a:p>
                    <a:p>
                      <a:pPr marL="0" marR="0">
                        <a:lnSpc>
                          <a:spcPct val="115000"/>
                        </a:lnSpc>
                        <a:spcBef>
                          <a:spcPts val="0"/>
                        </a:spcBef>
                        <a:spcAft>
                          <a:spcPts val="0"/>
                        </a:spcAft>
                      </a:pPr>
                      <a:r>
                        <a:rPr lang="en-US" sz="1600">
                          <a:effectLst/>
                          <a:latin typeface="Gill Sans MT" panose="020B0502020104020203" pitchFamily="34" charset="0"/>
                          <a:ea typeface="Calibri" panose="020F0502020204030204" pitchFamily="34" charset="0"/>
                          <a:cs typeface="Mangal"/>
                        </a:rPr>
                        <a:t>By HH Type</a:t>
                      </a:r>
                      <a:endParaRPr lang="en-US" sz="1600">
                        <a:effectLst/>
                        <a:latin typeface="Calibri" panose="020F0502020204030204" pitchFamily="34" charset="0"/>
                        <a:ea typeface="Calibri" panose="020F0502020204030204" pitchFamily="34" charset="0"/>
                        <a:cs typeface="Mangal"/>
                      </a:endParaRPr>
                    </a:p>
                  </a:txBody>
                  <a:tcPr marL="68580" marR="68580" marT="0" marB="0"/>
                </a:tc>
                <a:tc>
                  <a:txBody>
                    <a:bodyPr/>
                    <a:lstStyle/>
                    <a:p>
                      <a:pPr marL="342900" marR="0" lvl="0" indent="-342900">
                        <a:lnSpc>
                          <a:spcPct val="115000"/>
                        </a:lnSpc>
                        <a:spcBef>
                          <a:spcPts val="0"/>
                        </a:spcBef>
                        <a:spcAft>
                          <a:spcPts val="0"/>
                        </a:spcAft>
                        <a:buFont typeface="Symbol" panose="05050102010706020507" pitchFamily="18" charset="2"/>
                        <a:buChar char=""/>
                      </a:pPr>
                      <a:r>
                        <a:rPr lang="en-US" sz="1600">
                          <a:effectLst/>
                          <a:latin typeface="Gill Sans MT" panose="020B0502020104020203" pitchFamily="34" charset="0"/>
                          <a:ea typeface="Calibri" panose="020F0502020204030204" pitchFamily="34" charset="0"/>
                          <a:cs typeface="Mangal"/>
                        </a:rPr>
                        <a:t>Table </a:t>
                      </a:r>
                      <a:endParaRPr lang="en-US" sz="1600">
                        <a:effectLst/>
                        <a:latin typeface="Calibri" panose="020F0502020204030204" pitchFamily="34" charset="0"/>
                        <a:ea typeface="Calibri" panose="020F0502020204030204" pitchFamily="34" charset="0"/>
                        <a:cs typeface="Mangal"/>
                      </a:endParaRPr>
                    </a:p>
                    <a:p>
                      <a:pPr marL="342900" marR="0" lvl="0" indent="-342900">
                        <a:lnSpc>
                          <a:spcPct val="115000"/>
                        </a:lnSpc>
                        <a:spcBef>
                          <a:spcPts val="0"/>
                        </a:spcBef>
                        <a:spcAft>
                          <a:spcPts val="0"/>
                        </a:spcAft>
                        <a:buFont typeface="Symbol" panose="05050102010706020507" pitchFamily="18" charset="2"/>
                        <a:buChar char=""/>
                      </a:pPr>
                      <a:r>
                        <a:rPr lang="en-US" sz="1600">
                          <a:effectLst/>
                          <a:latin typeface="Gill Sans MT" panose="020B0502020104020203" pitchFamily="34" charset="0"/>
                          <a:ea typeface="Calibri" panose="020F0502020204030204" pitchFamily="34" charset="0"/>
                          <a:cs typeface="Mangal"/>
                        </a:rPr>
                        <a:t>Geo-tagged</a:t>
                      </a:r>
                      <a:endParaRPr lang="en-US" sz="1600">
                        <a:effectLst/>
                        <a:latin typeface="Calibri" panose="020F0502020204030204" pitchFamily="34" charset="0"/>
                        <a:ea typeface="Calibri" panose="020F0502020204030204" pitchFamily="34" charset="0"/>
                        <a:cs typeface="Mangal"/>
                      </a:endParaRPr>
                    </a:p>
                  </a:txBody>
                  <a:tcPr marL="68580" marR="68580" marT="0" marB="0"/>
                </a:tc>
                <a:tc>
                  <a:txBody>
                    <a:bodyPr/>
                    <a:lstStyle/>
                    <a:p>
                      <a:pPr marL="0" marR="0">
                        <a:lnSpc>
                          <a:spcPct val="115000"/>
                        </a:lnSpc>
                        <a:spcBef>
                          <a:spcPts val="0"/>
                        </a:spcBef>
                        <a:spcAft>
                          <a:spcPts val="0"/>
                        </a:spcAft>
                      </a:pPr>
                      <a:r>
                        <a:rPr lang="en-US" sz="1600">
                          <a:effectLst/>
                          <a:latin typeface="Gill Sans MT" panose="020B0502020104020203" pitchFamily="34" charset="0"/>
                          <a:ea typeface="Calibri" panose="020F0502020204030204" pitchFamily="34" charset="0"/>
                          <a:cs typeface="Mangal"/>
                        </a:rPr>
                        <a:t>Quarterly </a:t>
                      </a:r>
                      <a:endParaRPr lang="en-US" sz="1600">
                        <a:effectLst/>
                        <a:latin typeface="Calibri" panose="020F0502020204030204" pitchFamily="34" charset="0"/>
                        <a:ea typeface="Calibri" panose="020F0502020204030204" pitchFamily="34" charset="0"/>
                        <a:cs typeface="Mangal"/>
                      </a:endParaRPr>
                    </a:p>
                  </a:txBody>
                  <a:tcPr marL="68580" marR="68580" marT="0" marB="0"/>
                </a:tc>
                <a:tc>
                  <a:txBody>
                    <a:bodyPr/>
                    <a:lstStyle/>
                    <a:p>
                      <a:pPr marL="0" marR="0">
                        <a:lnSpc>
                          <a:spcPct val="115000"/>
                        </a:lnSpc>
                        <a:spcBef>
                          <a:spcPts val="0"/>
                        </a:spcBef>
                        <a:spcAft>
                          <a:spcPts val="0"/>
                        </a:spcAft>
                      </a:pPr>
                      <a:r>
                        <a:rPr lang="en-US" sz="1600" dirty="0">
                          <a:effectLst/>
                          <a:latin typeface="Gill Sans MT" panose="020B0502020104020203" pitchFamily="34" charset="0"/>
                          <a:ea typeface="Calibri" panose="020F0502020204030204" pitchFamily="34" charset="0"/>
                          <a:cs typeface="Mangal"/>
                        </a:rPr>
                        <a:t>Social Mobiliser – coverage area</a:t>
                      </a:r>
                      <a:endParaRPr lang="en-US" sz="1600" dirty="0">
                        <a:effectLst/>
                        <a:latin typeface="Calibri" panose="020F0502020204030204" pitchFamily="34" charset="0"/>
                        <a:ea typeface="Calibri" panose="020F0502020204030204" pitchFamily="34" charset="0"/>
                        <a:cs typeface="Mangal"/>
                      </a:endParaRPr>
                    </a:p>
                    <a:p>
                      <a:pPr marL="0" marR="0">
                        <a:lnSpc>
                          <a:spcPct val="115000"/>
                        </a:lnSpc>
                        <a:spcBef>
                          <a:spcPts val="0"/>
                        </a:spcBef>
                        <a:spcAft>
                          <a:spcPts val="0"/>
                        </a:spcAft>
                      </a:pPr>
                      <a:r>
                        <a:rPr lang="en-US" sz="1600" dirty="0">
                          <a:effectLst/>
                          <a:latin typeface="Gill Sans MT" panose="020B0502020104020203" pitchFamily="34" charset="0"/>
                          <a:ea typeface="Calibri" panose="020F0502020204030204" pitchFamily="34" charset="0"/>
                          <a:cs typeface="Mangal"/>
                        </a:rPr>
                        <a:t>District LNGO – For activity planning and budgeting </a:t>
                      </a:r>
                      <a:endParaRPr lang="en-US" sz="1600" dirty="0">
                        <a:effectLst/>
                        <a:latin typeface="Calibri" panose="020F0502020204030204" pitchFamily="34" charset="0"/>
                        <a:ea typeface="Calibri" panose="020F0502020204030204" pitchFamily="34" charset="0"/>
                        <a:cs typeface="Mangal"/>
                      </a:endParaRPr>
                    </a:p>
                    <a:p>
                      <a:pPr marL="0" marR="0">
                        <a:lnSpc>
                          <a:spcPct val="115000"/>
                        </a:lnSpc>
                        <a:spcBef>
                          <a:spcPts val="0"/>
                        </a:spcBef>
                        <a:spcAft>
                          <a:spcPts val="0"/>
                        </a:spcAft>
                      </a:pPr>
                      <a:r>
                        <a:rPr lang="en-US" sz="1600" dirty="0">
                          <a:effectLst/>
                          <a:latin typeface="Gill Sans MT" panose="020B0502020104020203" pitchFamily="34" charset="0"/>
                          <a:ea typeface="Calibri" panose="020F0502020204030204" pitchFamily="34" charset="0"/>
                          <a:cs typeface="Mangal"/>
                        </a:rPr>
                        <a:t>Regional Office</a:t>
                      </a:r>
                      <a:endParaRPr lang="en-US" sz="1600" dirty="0">
                        <a:effectLst/>
                        <a:latin typeface="Calibri" panose="020F0502020204030204" pitchFamily="34" charset="0"/>
                        <a:ea typeface="Calibri" panose="020F0502020204030204" pitchFamily="34" charset="0"/>
                        <a:cs typeface="Mangal"/>
                      </a:endParaRPr>
                    </a:p>
                  </a:txBody>
                  <a:tcPr marL="68580" marR="68580" marT="0" marB="0"/>
                </a:tc>
                <a:extLst>
                  <a:ext uri="{0D108BD9-81ED-4DB2-BD59-A6C34878D82A}">
                    <a16:rowId xmlns:a16="http://schemas.microsoft.com/office/drawing/2014/main" val="4058975648"/>
                  </a:ext>
                </a:extLst>
              </a:tr>
              <a:tr h="394047">
                <a:tc>
                  <a:txBody>
                    <a:bodyPr/>
                    <a:lstStyle/>
                    <a:p>
                      <a:pPr marL="0" marR="0">
                        <a:lnSpc>
                          <a:spcPct val="115000"/>
                        </a:lnSpc>
                        <a:spcBef>
                          <a:spcPts val="0"/>
                        </a:spcBef>
                        <a:spcAft>
                          <a:spcPts val="0"/>
                        </a:spcAft>
                      </a:pPr>
                      <a:r>
                        <a:rPr lang="en-US" sz="1600" dirty="0">
                          <a:effectLst/>
                        </a:rPr>
                        <a:t> Water</a:t>
                      </a:r>
                      <a:endParaRPr lang="en-US" sz="1600" dirty="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dirty="0">
                          <a:effectLst/>
                        </a:rPr>
                        <a:t>Available water sources in the vicinity and their possible use</a:t>
                      </a:r>
                      <a:endParaRPr lang="en-US" sz="1600" dirty="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 By source type</a:t>
                      </a:r>
                    </a:p>
                    <a:p>
                      <a:pPr marL="0" marR="0">
                        <a:lnSpc>
                          <a:spcPct val="115000"/>
                        </a:lnSpc>
                        <a:spcBef>
                          <a:spcPts val="0"/>
                        </a:spcBef>
                        <a:spcAft>
                          <a:spcPts val="0"/>
                        </a:spcAft>
                      </a:pPr>
                      <a:r>
                        <a:rPr lang="en-US" sz="1600">
                          <a:effectLst/>
                        </a:rPr>
                        <a:t># By potential use</a:t>
                      </a:r>
                    </a:p>
                    <a:p>
                      <a:pPr marL="0" marR="0">
                        <a:lnSpc>
                          <a:spcPct val="115000"/>
                        </a:lnSpc>
                        <a:spcBef>
                          <a:spcPts val="0"/>
                        </a:spcBef>
                        <a:spcAft>
                          <a:spcPts val="0"/>
                        </a:spcAft>
                      </a:pPr>
                      <a:r>
                        <a:rPr lang="en-US" sz="1600">
                          <a:effectLst/>
                        </a:rPr>
                        <a:t> </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342900" marR="0" lvl="0" indent="-342900">
                        <a:lnSpc>
                          <a:spcPct val="115000"/>
                        </a:lnSpc>
                        <a:spcBef>
                          <a:spcPts val="0"/>
                        </a:spcBef>
                        <a:spcAft>
                          <a:spcPts val="0"/>
                        </a:spcAft>
                        <a:buFont typeface="Symbol" panose="05050102010706020507" pitchFamily="18" charset="2"/>
                        <a:buChar char=""/>
                      </a:pPr>
                      <a:r>
                        <a:rPr lang="en-US" sz="1600">
                          <a:effectLst/>
                        </a:rPr>
                        <a:t>Location</a:t>
                      </a:r>
                    </a:p>
                    <a:p>
                      <a:pPr marL="342900" marR="0" lvl="0" indent="-342900">
                        <a:lnSpc>
                          <a:spcPct val="115000"/>
                        </a:lnSpc>
                        <a:spcBef>
                          <a:spcPts val="0"/>
                        </a:spcBef>
                        <a:spcAft>
                          <a:spcPts val="0"/>
                        </a:spcAft>
                        <a:buFont typeface="Symbol" panose="05050102010706020507" pitchFamily="18" charset="2"/>
                        <a:buChar char=""/>
                      </a:pPr>
                      <a:r>
                        <a:rPr lang="en-US" sz="1600">
                          <a:effectLst/>
                        </a:rPr>
                        <a:t>Discharge</a:t>
                      </a:r>
                    </a:p>
                    <a:p>
                      <a:pPr marL="342900" marR="0" lvl="0" indent="-342900">
                        <a:lnSpc>
                          <a:spcPct val="115000"/>
                        </a:lnSpc>
                        <a:spcBef>
                          <a:spcPts val="0"/>
                        </a:spcBef>
                        <a:spcAft>
                          <a:spcPts val="0"/>
                        </a:spcAft>
                        <a:buFont typeface="Symbol" panose="05050102010706020507" pitchFamily="18" charset="2"/>
                        <a:buChar char=""/>
                      </a:pPr>
                      <a:r>
                        <a:rPr lang="en-US" sz="1600">
                          <a:effectLst/>
                        </a:rPr>
                        <a:t>Reliability</a:t>
                      </a:r>
                    </a:p>
                    <a:p>
                      <a:pPr marL="342900" marR="0" lvl="0" indent="-342900">
                        <a:lnSpc>
                          <a:spcPct val="115000"/>
                        </a:lnSpc>
                        <a:spcBef>
                          <a:spcPts val="0"/>
                        </a:spcBef>
                        <a:spcAft>
                          <a:spcPts val="0"/>
                        </a:spcAft>
                        <a:buFont typeface="Symbol" panose="05050102010706020507" pitchFamily="18" charset="2"/>
                        <a:buChar char=""/>
                      </a:pPr>
                      <a:r>
                        <a:rPr lang="en-US" sz="1600">
                          <a:effectLst/>
                        </a:rPr>
                        <a:t>Quality</a:t>
                      </a:r>
                    </a:p>
                    <a:p>
                      <a:pPr marL="342900" marR="0" lvl="0" indent="-342900">
                        <a:lnSpc>
                          <a:spcPct val="115000"/>
                        </a:lnSpc>
                        <a:spcBef>
                          <a:spcPts val="0"/>
                        </a:spcBef>
                        <a:spcAft>
                          <a:spcPts val="0"/>
                        </a:spcAft>
                        <a:buFont typeface="Symbol" panose="05050102010706020507" pitchFamily="18" charset="2"/>
                        <a:buChar char=""/>
                      </a:pPr>
                      <a:r>
                        <a:rPr lang="en-US" sz="1600">
                          <a:effectLst/>
                        </a:rPr>
                        <a:t>Dispute</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Table</a:t>
                      </a:r>
                    </a:p>
                    <a:p>
                      <a:pPr marL="0" marR="0">
                        <a:lnSpc>
                          <a:spcPct val="115000"/>
                        </a:lnSpc>
                        <a:spcBef>
                          <a:spcPts val="0"/>
                        </a:spcBef>
                        <a:spcAft>
                          <a:spcPts val="0"/>
                        </a:spcAft>
                      </a:pPr>
                      <a:r>
                        <a:rPr lang="en-US" sz="1600">
                          <a:effectLst/>
                        </a:rPr>
                        <a:t>Geo-tagged</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a:effectLst/>
                        </a:rPr>
                        <a:t>Yearly</a:t>
                      </a: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r>
                        <a:rPr lang="en-US" sz="1600" dirty="0">
                          <a:effectLst/>
                        </a:rPr>
                        <a:t>Social Mobiliser – to determine areas to cover</a:t>
                      </a:r>
                    </a:p>
                  </a:txBody>
                  <a:tcPr marL="10394" marR="10394" marT="0" marB="0"/>
                </a:tc>
                <a:extLst>
                  <a:ext uri="{0D108BD9-81ED-4DB2-BD59-A6C34878D82A}">
                    <a16:rowId xmlns:a16="http://schemas.microsoft.com/office/drawing/2014/main" val="706820795"/>
                  </a:ext>
                </a:extLst>
              </a:tr>
              <a:tr h="4019274">
                <a:tc gridSpan="7">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tc hMerge="1">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tc hMerge="1">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tc hMerge="1">
                  <a:txBody>
                    <a:bodyPr/>
                    <a:lstStyle/>
                    <a:p>
                      <a:pPr marL="342900" marR="0" lvl="0" indent="-342900">
                        <a:lnSpc>
                          <a:spcPct val="115000"/>
                        </a:lnSpc>
                        <a:spcBef>
                          <a:spcPts val="0"/>
                        </a:spcBef>
                        <a:spcAft>
                          <a:spcPts val="0"/>
                        </a:spcAft>
                        <a:buFont typeface="Symbol" panose="05050102010706020507" pitchFamily="18" charset="2"/>
                        <a:buChar char=""/>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tc hMerge="1">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tc hMerge="1">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tc hMerge="1">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extLst>
                  <a:ext uri="{0D108BD9-81ED-4DB2-BD59-A6C34878D82A}">
                    <a16:rowId xmlns:a16="http://schemas.microsoft.com/office/drawing/2014/main" val="3693979837"/>
                  </a:ext>
                </a:extLst>
              </a:tr>
              <a:tr h="315237">
                <a:tc>
                  <a:txBody>
                    <a:bodyPr/>
                    <a:lstStyle/>
                    <a:p>
                      <a:pPr marL="0" marR="0">
                        <a:lnSpc>
                          <a:spcPct val="115000"/>
                        </a:lnSpc>
                        <a:spcBef>
                          <a:spcPts val="0"/>
                        </a:spcBef>
                        <a:spcAft>
                          <a:spcPts val="0"/>
                        </a:spcAft>
                      </a:pP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endParaRPr lang="en-US" sz="1600">
                        <a:effectLst/>
                        <a:latin typeface="Calibri" panose="020F0502020204030204" pitchFamily="34" charset="0"/>
                        <a:ea typeface="Calibri" panose="020F0502020204030204" pitchFamily="34" charset="0"/>
                        <a:cs typeface="Mangal"/>
                      </a:endParaRPr>
                    </a:p>
                  </a:txBody>
                  <a:tcPr marL="10394" marR="10394" marT="0" marB="0"/>
                </a:tc>
                <a:tc>
                  <a:txBody>
                    <a:bodyPr/>
                    <a:lstStyle/>
                    <a:p>
                      <a:pPr marL="0" marR="0">
                        <a:lnSpc>
                          <a:spcPct val="115000"/>
                        </a:lnSpc>
                        <a:spcBef>
                          <a:spcPts val="0"/>
                        </a:spcBef>
                        <a:spcAft>
                          <a:spcPts val="0"/>
                        </a:spcAft>
                      </a:pPr>
                      <a:endParaRPr lang="en-US" sz="1600" dirty="0">
                        <a:effectLst/>
                        <a:latin typeface="Calibri" panose="020F0502020204030204" pitchFamily="34" charset="0"/>
                        <a:ea typeface="Calibri" panose="020F0502020204030204" pitchFamily="34" charset="0"/>
                        <a:cs typeface="Mangal"/>
                      </a:endParaRPr>
                    </a:p>
                  </a:txBody>
                  <a:tcPr marL="10394" marR="10394" marT="0" marB="0"/>
                </a:tc>
                <a:extLst>
                  <a:ext uri="{0D108BD9-81ED-4DB2-BD59-A6C34878D82A}">
                    <a16:rowId xmlns:a16="http://schemas.microsoft.com/office/drawing/2014/main" val="1853019285"/>
                  </a:ext>
                </a:extLst>
              </a:tr>
            </a:tbl>
          </a:graphicData>
        </a:graphic>
      </p:graphicFrame>
    </p:spTree>
    <p:extLst>
      <p:ext uri="{BB962C8B-B14F-4D97-AF65-F5344CB8AC3E}">
        <p14:creationId xmlns:p14="http://schemas.microsoft.com/office/powerpoint/2010/main" val="253473273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720727" y="75070"/>
            <a:ext cx="8911687" cy="1280890"/>
          </a:xfrm>
        </p:spPr>
        <p:txBody>
          <a:bodyPr/>
          <a:lstStyle/>
          <a:p>
            <a:r>
              <a:rPr lang="en-US" dirty="0"/>
              <a:t>PAHAL MEL Framework </a:t>
            </a:r>
            <a:br>
              <a:rPr lang="en-US" dirty="0"/>
            </a:br>
            <a:r>
              <a:rPr lang="en-US" dirty="0"/>
              <a:t>&amp; Process Overview</a:t>
            </a:r>
          </a:p>
        </p:txBody>
      </p:sp>
      <p:graphicFrame>
        <p:nvGraphicFramePr>
          <p:cNvPr id="3" name="Diagram 2"/>
          <p:cNvGraphicFramePr/>
          <p:nvPr/>
        </p:nvGraphicFramePr>
        <p:xfrm>
          <a:off x="-568672" y="1296537"/>
          <a:ext cx="6901858" cy="556146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aphicFrame>
        <p:nvGraphicFramePr>
          <p:cNvPr id="5" name="Diagram 4"/>
          <p:cNvGraphicFramePr/>
          <p:nvPr>
            <p:extLst>
              <p:ext uri="{D42A27DB-BD31-4B8C-83A1-F6EECF244321}">
                <p14:modId xmlns:p14="http://schemas.microsoft.com/office/powerpoint/2010/main" val="2318740573"/>
              </p:ext>
            </p:extLst>
          </p:nvPr>
        </p:nvGraphicFramePr>
        <p:xfrm>
          <a:off x="3776374" y="158678"/>
          <a:ext cx="10304061" cy="6540643"/>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Tree>
    <p:extLst>
      <p:ext uri="{BB962C8B-B14F-4D97-AF65-F5344CB8AC3E}">
        <p14:creationId xmlns:p14="http://schemas.microsoft.com/office/powerpoint/2010/main" val="66550965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ASH Data Collection Form</a:t>
            </a:r>
          </a:p>
        </p:txBody>
      </p:sp>
      <p:pic>
        <p:nvPicPr>
          <p:cNvPr id="4" name="Picture 3" descr="image of collection form" title="image of collection form"/>
          <p:cNvPicPr>
            <a:picLocks noChangeAspect="1"/>
          </p:cNvPicPr>
          <p:nvPr/>
        </p:nvPicPr>
        <p:blipFill>
          <a:blip r:embed="rId2"/>
          <a:stretch>
            <a:fillRect/>
          </a:stretch>
        </p:blipFill>
        <p:spPr>
          <a:xfrm>
            <a:off x="53453" y="1362471"/>
            <a:ext cx="12085093" cy="3730536"/>
          </a:xfrm>
          <a:prstGeom prst="rect">
            <a:avLst/>
          </a:prstGeom>
        </p:spPr>
      </p:pic>
      <p:sp>
        <p:nvSpPr>
          <p:cNvPr id="6" name="Oval Callout 5"/>
          <p:cNvSpPr/>
          <p:nvPr/>
        </p:nvSpPr>
        <p:spPr>
          <a:xfrm rot="12651473">
            <a:off x="5275696" y="2810434"/>
            <a:ext cx="6273132" cy="5119029"/>
          </a:xfrm>
          <a:prstGeom prst="wedgeEllipseCallout">
            <a:avLst>
              <a:gd name="adj1" fmla="val -13971"/>
              <a:gd name="adj2" fmla="val 65674"/>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5" name="Picture 4" descr="segment of form including questions 7, 8, 9 and 10" title="segment of form"/>
          <p:cNvPicPr>
            <a:picLocks noChangeAspect="1"/>
          </p:cNvPicPr>
          <p:nvPr/>
        </p:nvPicPr>
        <p:blipFill>
          <a:blip r:embed="rId3"/>
          <a:stretch>
            <a:fillRect/>
          </a:stretch>
        </p:blipFill>
        <p:spPr>
          <a:xfrm>
            <a:off x="4299046" y="3152633"/>
            <a:ext cx="6567312" cy="3647114"/>
          </a:xfrm>
          <a:prstGeom prst="rect">
            <a:avLst/>
          </a:prstGeom>
        </p:spPr>
      </p:pic>
    </p:spTree>
    <p:extLst>
      <p:ext uri="{BB962C8B-B14F-4D97-AF65-F5344CB8AC3E}">
        <p14:creationId xmlns:p14="http://schemas.microsoft.com/office/powerpoint/2010/main" val="34717958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ater Data Collection Form</a:t>
            </a:r>
          </a:p>
        </p:txBody>
      </p:sp>
      <p:graphicFrame>
        <p:nvGraphicFramePr>
          <p:cNvPr id="4" name="Object 3"/>
          <p:cNvGraphicFramePr>
            <a:graphicFrameLocks noChangeAspect="1"/>
          </p:cNvGraphicFramePr>
          <p:nvPr>
            <p:extLst>
              <p:ext uri="{D42A27DB-BD31-4B8C-83A1-F6EECF244321}">
                <p14:modId xmlns:p14="http://schemas.microsoft.com/office/powerpoint/2010/main" val="4254050195"/>
              </p:ext>
            </p:extLst>
          </p:nvPr>
        </p:nvGraphicFramePr>
        <p:xfrm>
          <a:off x="2219325" y="1439862"/>
          <a:ext cx="5588000" cy="5418138"/>
        </p:xfrm>
        <a:graphic>
          <a:graphicData uri="http://schemas.openxmlformats.org/presentationml/2006/ole">
            <mc:AlternateContent xmlns:mc="http://schemas.openxmlformats.org/markup-compatibility/2006">
              <mc:Choice xmlns:v="urn:schemas-microsoft-com:vml" Requires="v">
                <p:oleObj spid="_x0000_s2069" name="Worksheet" r:id="rId3" imgW="12192000" imgH="11820689" progId="Excel.Sheet.12">
                  <p:embed/>
                </p:oleObj>
              </mc:Choice>
              <mc:Fallback>
                <p:oleObj name="Worksheet" r:id="rId3" imgW="12192000" imgH="11820689" progId="Excel.Sheet.12">
                  <p:embed/>
                  <p:pic>
                    <p:nvPicPr>
                      <p:cNvPr id="0" name=""/>
                      <p:cNvPicPr/>
                      <p:nvPr/>
                    </p:nvPicPr>
                    <p:blipFill>
                      <a:blip r:embed="rId4"/>
                      <a:stretch>
                        <a:fillRect/>
                      </a:stretch>
                    </p:blipFill>
                    <p:spPr>
                      <a:xfrm>
                        <a:off x="2219325" y="1439862"/>
                        <a:ext cx="5588000" cy="5418138"/>
                      </a:xfrm>
                      <a:prstGeom prst="rect">
                        <a:avLst/>
                      </a:prstGeom>
                    </p:spPr>
                  </p:pic>
                </p:oleObj>
              </mc:Fallback>
            </mc:AlternateContent>
          </a:graphicData>
        </a:graphic>
      </p:graphicFrame>
      <p:pic>
        <p:nvPicPr>
          <p:cNvPr id="5" name="Picture 4" descr="screenshot of mobile phone on the form" title="screenshot of mobile phone on the form"/>
          <p:cNvPicPr>
            <a:picLocks noChangeAspect="1"/>
          </p:cNvPicPr>
          <p:nvPr/>
        </p:nvPicPr>
        <p:blipFill>
          <a:blip r:embed="rId5"/>
          <a:stretch>
            <a:fillRect/>
          </a:stretch>
        </p:blipFill>
        <p:spPr>
          <a:xfrm>
            <a:off x="8587324" y="1705523"/>
            <a:ext cx="2513666" cy="4886816"/>
          </a:xfrm>
          <a:prstGeom prst="rect">
            <a:avLst/>
          </a:prstGeom>
        </p:spPr>
      </p:pic>
    </p:spTree>
    <p:extLst>
      <p:ext uri="{BB962C8B-B14F-4D97-AF65-F5344CB8AC3E}">
        <p14:creationId xmlns:p14="http://schemas.microsoft.com/office/powerpoint/2010/main" val="7868738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QaGFzZXMiLCJJc1RlbXBsYXRlIjpmYWxzZSwiVmVyc2lvbiI6eyIkaWQiOiIyIiwiVmVyc2lvbiI6IjMuMS4wIiwiT3JpZ2luYWxBc3NlbWJseVZlcnNpb24iOiIzLjE2LjA1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xOTIsIkIiOjB9fSwiQXBwZW5kWWVhck9uWWVhckNoYW5nZSI6dHJ1ZSwiRWxhcHNlZFRpbWVGb3JtYXQiOjEsIlRvZGF5TWFya2VyUG9zaXRpb24iOjMsIlF1aWNrUG9zaXRpb24iOjIsIkFic29sdXRlUG9zaXRpb24iOjQwNS4wLCJNYXJnaW4iOnsiJGlkIjoiNDkiLCJUb3AiOjAsIkxlZnQiOjEwLCJSaWdodCI6MTAsIkJvdHRvbSI6MH0sIlBhZGRpbmciOnsiJGlkIjoiNTAiLCJUb3AiOjAsIkxlZnQiOjAsIlJpZ2h0IjowLCJCb3R0b20iOjB9LCJCYWNrZ3JvdW5kIjp7IiRpZCI6IjUxIiwiQ29sb3IiOnsiJGlkIjoiNTIiLCJBIjoyNTUsIlIiOjE3OCwiRyI6MTc4LCJCIjoxNzh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MzEsIkciOjczLCJCIjoxMj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k2MC4wLCJNYXhIZWlnaHQiOiJJbmZpbml0eSIsIlNtYXJ0Rm9yZWdyb3VuZElzQWN0aXZlIjpmYWxz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4MCIsIkxpbmVDb2xvciI6bnVsbCwiTGluZVdlaWdodCI6MC4wLCJMaW5lVHlwZSI6MCwiUGFyZW50U3R5bGUiOm51bGx9LCJQYXJlbnRTdHlsZSI6eyIkcmVmIjoiNjUifX0sIkRhdGVTdHlsZSI6eyIkaWQiOiIxODEiLCJGb250U2V0dGluZ3MiOnsiJGlkIjoiMTg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UiLCJMaW5lQ29sb3IiOm51bGwsIkxpbmVXZWlnaHQiOjAuMCwiTGluZVR5cGUiOjAsIlBhcmVudFN0eWxlIjpudWxsfSwiUGFyZW50U3R5bGUiOnsiJHJlZiI6IjY1In19LCJEYXRlU3R5bGUiOnsiJGlkIjoiMTk2IiwiRm9udFNldHRpbmdzIjp7IiRpZCI6IjE5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5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xMCIsIkxpbmVDb2xvciI6bnVsbCwiTGluZVdlaWdodCI6MC4wLCJMaW5lVHlwZSI6MCwiUGFyZW50U3R5bGUiOm51bGx9LCJQYXJlbnRTdHlsZSI6eyIkcmVmIjoiNjUifX0sIkRhdGVTdHlsZSI6eyIkaWQiOiIyMTEiLCJGb250U2V0dGluZ3MiOnsiJGlkIjoiMjE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1IiwiTGluZUNvbG9yIjpudWxsLCJMaW5lV2VpZ2h0IjowLjAsIkxpbmVUeXBlIjowLCJQYXJlbnRTdHlsZSI6bnVsbH0sIlBhcmVudFN0eWxlIjp7IiRyZWYiOiI2NSJ9fSwiRGF0ZVN0eWxlIjp7IiRpZCI6IjIyNiIsIkZvbnRTZXR0aW5ncyI6eyIkaWQiOiIyMj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1NSIsIkxpbmVDb2xvciI6bnVsbCwiTGluZVdlaWdodCI6MC4wLCJMaW5lVHlwZSI6MCwiUGFyZW50U3R5bGUiOm51bGx9LCJQYXJlbnRTdHlsZSI6eyIkcmVmIjoiNjUifX0sIkRhdGVTdHlsZSI6eyIkaWQiOiIyNTYiLCJGb250U2V0dGluZ3MiOnsiJGlkIjoiMjU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zAiLCJMaW5lQ29sb3IiOm51bGwsIkxpbmVXZWlnaHQiOjAuMCwiTGluZVR5cGUiOjAsIlBhcmVudFN0eWxlIjpudWxsfSwiUGFyZW50U3R5bGUiOnsiJHJlZiI6IjY1In19LCJEYXRlU3R5bGUiOnsiJGlkIjoiMjcxIiwiRm9udFNldHRpbmdzIjp7IiRpZCI6IjI3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1IiwiTGluZUNvbG9yIjpudWxsLCJMaW5lV2VpZ2h0IjowLjAsIkxpbmVUeXBlIjowLCJQYXJlbnRTdHlsZSI6bnVsbH0sIlBhcmVudFN0eWxlIjp7IiRyZWYiOiI2NSJ9fSwiRGF0ZVN0eWxlIjp7IiRpZCI6IjI4NiIsIkZvbnRTZXR0aW5ncyI6eyIkaWQiOiIyO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wMCIsIkxpbmVDb2xvciI6bnVsbCwiTGluZVdlaWdodCI6MC4wLCJMaW5lVHlwZSI6MCwiUGFyZW50U3R5bGUiOm51bGx9LCJQYXJlbnRTdHlsZSI6eyIkcmVmIjoiNjUifX0sIkRhdGVTdHlsZSI6eyIkaWQiOiIzMDEiLCJGb250U2V0dGluZ3MiOnsiJGlkIjoiMzAy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TUiLCJMaW5lQ29sb3IiOm51bGwsIkxpbmVXZWlnaHQiOjAuMCwiTGluZVR5cGUiOjAsIlBhcmVudFN0eWxlIjpudWxsfSwiUGFyZW50U3R5bGUiOnsiJHJlZiI6IjY1In19LCJEYXRlU3R5bGUiOnsiJGlkIjoiMzE2IiwiRm9udFNldHRpbmdzIjp7IiRpZCI6IjM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MwIiwiTGluZUNvbG9yIjpudWxsLCJMaW5lV2VpZ2h0IjowLjAsIkxpbmVUeXBlIjowLCJQYXJlbnRTdHlsZSI6bnVsbH0sIlBhcmVudFN0eWxlIjp7IiRyZWYiOiI2NSJ9fSwiRGF0ZVN0eWxlIjp7IiRpZCI6IjMzMSIsIkZvbnRTZXR0aW5ncyI6eyIkaWQiOiIz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Q1IiwiTGluZUNvbG9yIjpudWxsLCJMaW5lV2VpZ2h0IjowLjAsIkxpbmVUeXBlIjowLCJQYXJlbnRTdHlsZSI6bnVsbH0sIlBhcmVudFN0eWxlIjp7IiRyZWYiOiI2NSJ9fSwiRGF0ZVN0eWxlIjp7IiRpZCI6IjM0NiIsIkZvbnRTZXR0aW5ncyI6eyIkaWQiOiIzND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NDg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jAiLCJMaW5lQ29sb3IiOm51bGwsIkxpbmVXZWlnaHQiOjAuMCwiTGluZVR5cGUiOjAsIlBhcmVudFN0eWxlIjpudWxsfSwiUGFyZW50U3R5bGUiOnsiJHJlZiI6IjY1In19LCJEYXRlU3R5bGUiOnsiJGlkIjoiMzYxIiwiRm9udFNldHRpbmdzIjp7IiRpZCI6IjM2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2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zUiLCJMaW5lQ29sb3IiOm51bGwsIkxpbmVXZWlnaHQiOjAuMCwiTGluZVR5cGUiOjAsIlBhcmVudFN0eWxlIjpudWxsfSwiUGFyZW50U3R5bGUiOnsiJHJlZiI6IjY1In19LCJEYXRlU3R5bGUiOnsiJGlkIjoiMzc2IiwiRm9udFNldHRpbmdzIjp7IiRpZCI6IjM3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OTAiLCJMaW5lQ29sb3IiOm51bGwsIkxpbmVXZWlnaHQiOjAuMCwiTGluZVR5cGUiOjAsIlBhcmVudFN0eWxlIjpudWxsfSwiUGFyZW50U3R5bGUiOnsiJHJlZiI6IjY1In19LCJEYXRlU3R5bGUiOnsiJGlkIjoiMzkxIiwiRm9udFNldHRpbmdzIjp7IiRpZCI6IjM5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5M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DUiLCJMaW5lQ29sb3IiOm51bGwsIkxpbmVXZWlnaHQiOjAuMCwiTGluZVR5cGUiOjAsIlBhcmVudFN0eWxlIjpudWxsfSwiUGFyZW50U3R5bGUiOnsiJHJlZiI6IjY1In19LCJEYXRlU3R5bGUiOnsiJGlkIjoiNDA2IiwiRm9udFNldHRpbmdzIjp7IiRpZCI6IjQw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w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IwIiwiTGluZUNvbG9yIjpudWxsLCJMaW5lV2VpZ2h0IjowLjAsIkxpbmVUeXBlIjowLCJQYXJlbnRTdHlsZSI6bnVsbH0sIlBhcmVudFN0eWxlIjp7IiRyZWYiOiI2NSJ9fSwiRGF0ZVN0eWxlIjp7IiRpZCI6IjQyMSIsIkZvbnRTZXR0aW5ncyI6eyIkaWQiOiI0Mj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MjM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zNSIsIkxpbmVDb2xvciI6bnVsbCwiTGluZVdlaWdodCI6MC4wLCJMaW5lVHlwZSI6MCwiUGFyZW50U3R5bGUiOm51bGx9LCJQYXJlbnRTdHlsZSI6eyIkcmVmIjoiNjUifX0sIkRhdGVTdHlsZSI6eyIkaWQiOiI0MzYiLCJGb250U2V0dGluZ3MiOnsiJGlkIjoiNDM3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M4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DMiLCJMaW5lQ29sb3IiOm51bGwsIkxpbmVXZWlnaHQiOjAuMCwiTGluZVR5cGUiOjAsIlBhcmVudFN0eWxlIjpudWxsfSwiUGFyZW50U3R5bGUiOnsiJHJlZiI6IjgxIn19LCJEdXJhdGlvblN0eWxlIjp7IiRpZCI6IjQ0NCIsIkZvbnRTZXR0aW5ncyI6eyIkaWQiOiI0ND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DYiLCJMaW5lQ29sb3IiOm51bGwsIkxpbmVXZWlnaHQiOjAuMCwiTGluZVR5cGUiOjAsIlBhcmVudFN0eWxlIjpudWxsfSwiUGFyZW50U3R5bGUiOnsiJHJlZiI6Ijg4In19LCJIb3Jpem9udGFsQ29ubmVjdG9yU3R5bGUiOnsiJGlkIjoiNDQ3IiwiTGluZUNvbG9yIjp7IiRyZWYiOiI5NiJ9LCJMaW5lV2VpZ2h0IjoxLjAsIkxpbmVUeXBlIjowLCJQYXJlbnRTdHlsZSI6eyIkcmVmIjoiOTUifX0sIlZlcnRpY2FsQ29ubmVjdG9yU3R5bGUiOnsiJGlkIjoiNDQ4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0OSIsIk1hcmdpbiI6eyIkcmVmIjoiMTAyIn0sIlBhZGRpbmciOnsiJHJlZiI6IjEwMyJ9LCJCYWNrZ3JvdW5kIjp7IiRpZCI6IjQ1MCIsIkNvbG9yIjp7IiRpZCI6IjQ1MSIsIkEiOjI1NSwiUiI6OTEsIkciOjE1NSwiQiI6MjEzfX0sIklzVmlzaWJsZSI6dHJ1ZSwiV2lkdGgiOjAuMCwiSGVpZ2h0IjoxNi4wLCJCb3JkZXJTdHlsZSI6eyIkaWQiOiI0NTIiLCJMaW5lQ29sb3IiOnsiJHJlZiI6IjEwNSJ9LCJMaW5lV2VpZ2h0IjowLjAsIkxpbmVUeXBlIjowLCJQYXJlbnRTdHlsZSI6eyIkcmVmIjoiMTA0In19LCJQYXJlbnRTdHlsZSI6eyIkcmVmIjoiMTAxIn19LCJUaXRsZVN0eWxlIjp7IiRpZCI6IjQ1MyIsIkZvbnRTZXR0aW5ncyI6eyIkaWQiOiI0N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U1IiwiTGluZUNvbG9yIjpudWxsLCJMaW5lV2VpZ2h0IjowLjAsIkxpbmVUeXBlIjowLCJQYXJlbnRTdHlsZSI6bnVsbH0sIlBhcmVudFN0eWxlIjp7IiRyZWYiOiIxMDcifX0sIkRhdGVTdHlsZSI6eyIkaWQiOiI0NTYiLCJGb250U2V0dGluZ3MiOnsiJGlkIjoiNDU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MiLCJMaW5lQ29sb3IiOm51bGwsIkxpbmVXZWlnaHQiOjAuMCwiTGluZVR5cGUiOjAsIlBhcmVudFN0eWxlIjpudWxsfSwiUGFyZW50U3R5bGUiOnsiJHJlZiI6IjgxIn19LCJEdXJhdGlvblN0eWxlIjp7IiRpZCI6IjQ2NCIsIkZvbnRTZXR0aW5ncyI6eyIkaWQiOiI0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c1IiwiTGluZUNvbG9yIjpudWxsLCJMaW5lV2VpZ2h0IjowLjAsIkxpbmVUeXBlIjowLCJQYXJlbnRTdHlsZSI6bnVsbH0sIlBhcmVudFN0eWxlIjp7IiRyZWYiOiIxMDcifX0sIkRhdGVTdHlsZSI6eyIkaWQiOiI0NzYiLCJGb250U2V0dGluZ3MiOnsiJGlkIjoiNDc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gzIiwiTGluZUNvbG9yIjpudWxsLCJMaW5lV2VpZ2h0IjowLjAsIkxpbmVUeXBlIjowLCJQYXJlbnRTdHlsZSI6bnVsbH0sIlBhcmVudFN0eWxlIjp7IiRyZWYiOiI4MSJ9fSwiRHVyYXRpb25TdHlsZSI6eyIkaWQiOiI0ODQiLCJGb250U2V0dGluZ3MiOnsiJGlkIjoiNDg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g2IiwiTGluZUNvbG9yIjpudWxsLCJMaW5lV2VpZ2h0IjowLjAsIkxpbmVUeXBlIjowLCJQYXJlbnRTdHlsZSI6bnVsbH0sIlBhcmVudFN0eWxlIjp7IiRyZWYiOiI4OCJ9fSwiSG9yaXpvbnRhbENvbm5lY3RvclN0eWxlIjp7IiRpZCI6IjQ4NyIsIkxpbmVDb2xvciI6eyIkcmVmIjoiOTYifSwiTGluZVdlaWdodCI6MS4wLCJMaW5lVHlwZSI6MCwiUGFyZW50U3R5bGUiOnsiJHJlZiI6Ijk1In19LCJWZXJ0aWNhbENvbm5lY3RvclN0eWxlIjp7IiRpZCI6IjQ4OC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0ODkiLCJNYXJnaW4iOnsiJHJlZiI6IjEwMiJ9LCJQYWRkaW5nIjp7IiRyZWYiOiIxMDMifSwiQmFja2dyb3VuZCI6eyIkaWQiOiI0OTAiLCJDb2xvciI6eyIkaWQiOiI0OTEiLCJBIjoyNTUsIlIiOjAsIkciOjExNCwiQiI6MTg4fX0sIklzVmlzaWJsZSI6dHJ1ZSwiV2lkdGgiOjAuMCwiSGVpZ2h0IjoxNi4wLCJCb3JkZXJTdHlsZSI6eyIkaWQiOiI0OTIiLCJMaW5lQ29sb3IiOnsiJHJlZiI6IjEwNSJ9LCJMaW5lV2VpZ2h0IjowLjAsIkxpbmVUeXBlIjowLCJQYXJlbnRTdHlsZSI6eyIkcmVmIjoiMTA0In19LCJQYXJlbnRTdHlsZSI6eyIkcmVmIjoiMTAxIn19LCJUaXRsZVN0eWxlIjp7IiRpZCI6IjQ5MyIsIkZvbnRTZXR0aW5ncyI6eyIkaWQiOiI0O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k1IiwiTGluZUNvbG9yIjpudWxsLCJMaW5lV2VpZ2h0IjowLjAsIkxpbmVUeXBlIjowLCJQYXJlbnRTdHlsZSI6bnVsbH0sIlBhcmVudFN0eWxlIjp7IiRyZWYiOiIxMDcifX0sIkRhdGVTdHlsZSI6eyIkaWQiOiI0OTYiLCJGb250U2V0dGluZ3MiOnsiJGlkIjoiNDk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zIiwiTGluZUNvbG9yIjpudWxsLCJMaW5lV2VpZ2h0IjowLjAsIkxpbmVUeXBlIjowLCJQYXJlbnRTdHlsZSI6bnVsbH0sIlBhcmVudFN0eWxlIjp7IiRyZWYiOiI4MSJ9fSwiRHVyYXRpb25TdHlsZSI6eyIkaWQiOiI1MDQiLCJGb250U2V0dGluZ3MiOnsiJGlkIjoiNTA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E1IiwiTGluZUNvbG9yIjpudWxsLCJMaW5lV2VpZ2h0IjowLjAsIkxpbmVUeXBlIjowLCJQYXJlbnRTdHlsZSI6bnVsbH0sIlBhcmVudFN0eWxlIjp7IiRyZWYiOiIxMDcifX0sIkRhdGVTdHlsZSI6eyIkaWQiOiI1MTYiLCJGb250U2V0dGluZ3MiOnsiJGlkIjoiNTE3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UyMy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isp">
  <a:themeElements>
    <a:clrScheme name="Wisp">
      <a:dk1>
        <a:sysClr val="windowText" lastClr="000000"/>
      </a:dk1>
      <a:lt1>
        <a:sysClr val="window" lastClr="FFFFFF"/>
      </a:lt1>
      <a:dk2>
        <a:srgbClr val="766F54"/>
      </a:dk2>
      <a:lt2>
        <a:srgbClr val="E3EACF"/>
      </a:lt2>
      <a:accent1>
        <a:srgbClr val="A53010"/>
      </a:accent1>
      <a:accent2>
        <a:srgbClr val="DE7E18"/>
      </a:accent2>
      <a:accent3>
        <a:srgbClr val="9F8351"/>
      </a:accent3>
      <a:accent4>
        <a:srgbClr val="728653"/>
      </a:accent4>
      <a:accent5>
        <a:srgbClr val="92AA4C"/>
      </a:accent5>
      <a:accent6>
        <a:srgbClr val="6AAC91"/>
      </a:accent6>
      <a:hlink>
        <a:srgbClr val="FB4A18"/>
      </a:hlink>
      <a:folHlink>
        <a:srgbClr val="FB9318"/>
      </a:folHlink>
    </a:clrScheme>
    <a:fontScheme name="Wisp">
      <a:maj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panose="020B0502020202020204"/>
        <a:ea typeface=""/>
        <a:cs typeface=""/>
        <a:font script="Jpan" typeface="メイリオ"/>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Wisp">
      <a:fillStyleLst>
        <a:solidFill>
          <a:schemeClr val="phClr"/>
        </a:solidFill>
        <a:solidFill>
          <a:schemeClr val="phClr">
            <a:tint val="70000"/>
            <a:lumMod val="104000"/>
          </a:schemeClr>
        </a:solidFill>
        <a:gradFill rotWithShape="1">
          <a:gsLst>
            <a:gs pos="0">
              <a:schemeClr val="phClr">
                <a:tint val="96000"/>
                <a:lumMod val="104000"/>
              </a:schemeClr>
            </a:gs>
            <a:gs pos="100000">
              <a:schemeClr val="phClr">
                <a:shade val="98000"/>
                <a:lumMod val="94000"/>
              </a:schemeClr>
            </a:gs>
          </a:gsLst>
          <a:lin ang="5400000" scaled="0"/>
        </a:gradFill>
      </a:fillStyleLst>
      <a:lnStyleLst>
        <a:ln w="9525" cap="rnd" cmpd="sng" algn="ctr">
          <a:solidFill>
            <a:schemeClr val="phClr">
              <a:shade val="90000"/>
            </a:schemeClr>
          </a:solidFill>
          <a:prstDash val="solid"/>
        </a:ln>
        <a:ln w="15875" cap="rnd" cmpd="sng" algn="ctr">
          <a:solidFill>
            <a:schemeClr val="phClr"/>
          </a:solidFill>
          <a:prstDash val="solid"/>
        </a:ln>
        <a:ln w="22225" cap="rnd" cmpd="sng" algn="ctr">
          <a:solidFill>
            <a:schemeClr val="phClr"/>
          </a:solidFill>
          <a:prstDash val="solid"/>
        </a:ln>
      </a:lnStyleLst>
      <a:effectStyleLst>
        <a:effectStyle>
          <a:effectLst/>
        </a:effectStyle>
        <a:effectStyle>
          <a:effectLst>
            <a:outerShdw blurRad="38100" dist="25400" dir="5400000" rotWithShape="0">
              <a:srgbClr val="000000">
                <a:alpha val="25000"/>
              </a:srgbClr>
            </a:outerShdw>
          </a:effectLst>
        </a:effectStyle>
        <a:effectStyle>
          <a:effectLst>
            <a:outerShdw blurRad="50800" dist="38100" dir="5400000" rotWithShape="0">
              <a:srgbClr val="000000">
                <a:alpha val="60000"/>
              </a:srgbClr>
            </a:outerShdw>
          </a:effectLst>
        </a:effectStyle>
      </a:effectStyleLst>
      <a:bgFillStyleLst>
        <a:solidFill>
          <a:schemeClr val="phClr"/>
        </a:solidFill>
        <a:gradFill rotWithShape="1">
          <a:gsLst>
            <a:gs pos="0">
              <a:schemeClr val="phClr">
                <a:tint val="90000"/>
                <a:lumMod val="120000"/>
              </a:schemeClr>
            </a:gs>
            <a:gs pos="100000">
              <a:schemeClr val="phClr">
                <a:shade val="98000"/>
                <a:satMod val="120000"/>
                <a:lumMod val="98000"/>
              </a:schemeClr>
            </a:gs>
          </a:gsLst>
          <a:lin ang="5400000" scaled="0"/>
        </a:gradFill>
        <a:gradFill rotWithShape="1">
          <a:gsLst>
            <a:gs pos="0">
              <a:schemeClr val="phClr">
                <a:tint val="90000"/>
                <a:satMod val="92000"/>
                <a:lumMod val="120000"/>
              </a:schemeClr>
            </a:gs>
            <a:gs pos="100000">
              <a:schemeClr val="phClr">
                <a:shade val="98000"/>
                <a:satMod val="120000"/>
                <a:lumMod val="98000"/>
              </a:schemeClr>
            </a:gs>
          </a:gsLst>
          <a:path path="circle">
            <a:fillToRect l="50000" t="50000" r="100000" b="100000"/>
          </a:path>
        </a:gradFill>
      </a:bgFillStyleLst>
    </a:fmtScheme>
  </a:themeElements>
  <a:objectDefaults/>
  <a:extraClrSchemeLst/>
  <a:extLst>
    <a:ext uri="{05A4C25C-085E-4340-85A3-A5531E510DB2}">
      <thm15:themeFamily xmlns:thm15="http://schemas.microsoft.com/office/thememl/2012/main" name="Wisp" id="{7CB32D59-10C0-40DD-B7BD-2E94284A981C}" vid="{24B1A44C-C006-48B2-A4D7-E5549B3D8CD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Wisp</Template>
  <TotalTime>1643</TotalTime>
  <Words>1154</Words>
  <Application>Microsoft Office PowerPoint</Application>
  <PresentationFormat>Widescreen</PresentationFormat>
  <Paragraphs>298</Paragraphs>
  <Slides>16</Slides>
  <Notes>1</Notes>
  <HiddenSlides>0</HiddenSlides>
  <MMClips>0</MMClips>
  <ScaleCrop>false</ScaleCrop>
  <HeadingPairs>
    <vt:vector size="8" baseType="variant">
      <vt:variant>
        <vt:lpstr>Fonts Used</vt:lpstr>
      </vt:variant>
      <vt:variant>
        <vt:i4>9</vt:i4>
      </vt:variant>
      <vt:variant>
        <vt:lpstr>Theme</vt:lpstr>
      </vt:variant>
      <vt:variant>
        <vt:i4>1</vt:i4>
      </vt:variant>
      <vt:variant>
        <vt:lpstr>Embedded OLE Servers</vt:lpstr>
      </vt:variant>
      <vt:variant>
        <vt:i4>1</vt:i4>
      </vt:variant>
      <vt:variant>
        <vt:lpstr>Slide Titles</vt:lpstr>
      </vt:variant>
      <vt:variant>
        <vt:i4>16</vt:i4>
      </vt:variant>
    </vt:vector>
  </HeadingPairs>
  <TitlesOfParts>
    <vt:vector size="27" baseType="lpstr">
      <vt:lpstr>Arial</vt:lpstr>
      <vt:lpstr>Calibri</vt:lpstr>
      <vt:lpstr>Century Gothic</vt:lpstr>
      <vt:lpstr>Gill Sans MT</vt:lpstr>
      <vt:lpstr>Mangal</vt:lpstr>
      <vt:lpstr>Symbol</vt:lpstr>
      <vt:lpstr>Times New Roman</vt:lpstr>
      <vt:lpstr>Wingdings</vt:lpstr>
      <vt:lpstr>Wingdings 3</vt:lpstr>
      <vt:lpstr>Wisp</vt:lpstr>
      <vt:lpstr>Microsoft Excel Worksheet</vt:lpstr>
      <vt:lpstr>Mercy Corps PAHAL Data Use</vt:lpstr>
      <vt:lpstr>PAHAL MEL Framework</vt:lpstr>
      <vt:lpstr>MEL Products &amp; Services</vt:lpstr>
      <vt:lpstr>PAHAL MEL Process</vt:lpstr>
      <vt:lpstr>PAHAL MEL Framework  &amp; Process Overview</vt:lpstr>
      <vt:lpstr>Demand for Data and Information Use</vt:lpstr>
      <vt:lpstr>PAHAL MEL Framework  &amp; Process Overview</vt:lpstr>
      <vt:lpstr>WASH Data Collection Form</vt:lpstr>
      <vt:lpstr>Water Data Collection Form</vt:lpstr>
      <vt:lpstr>PAHAL MEL Framework  &amp; Process Overview</vt:lpstr>
      <vt:lpstr>Water &amp; WASH Data Collection</vt:lpstr>
      <vt:lpstr>PAHAL MEL Framework  &amp; Process Overview</vt:lpstr>
      <vt:lpstr>PowerPoint Presentation</vt:lpstr>
      <vt:lpstr>PAHAL MEL Framework  &amp; Process Overview</vt:lpstr>
      <vt:lpstr>PAHAL Information Sharing </vt:lpstr>
      <vt:lpstr>PowerPoint Presentation</vt:lpstr>
    </vt:vector>
  </TitlesOfParts>
  <Company>Hewlett-Packard Compan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Mercy Corps PAHAL Data Use</dc:title>
  <dc:creator>Kyung Endres</dc:creator>
  <cp:lastModifiedBy>Stacy Moore</cp:lastModifiedBy>
  <cp:revision>28</cp:revision>
  <dcterms:created xsi:type="dcterms:W3CDTF">2017-09-14T10:32:49Z</dcterms:created>
  <dcterms:modified xsi:type="dcterms:W3CDTF">2017-12-14T19:42:08Z</dcterms:modified>
</cp:coreProperties>
</file>